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R2）\"/>
    </mc:Choice>
  </mc:AlternateContent>
  <bookViews>
    <workbookView xWindow="0" yWindow="0" windowWidth="28800" windowHeight="13950" tabRatio="950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(相)" sheetId="34" r:id="rId37"/>
    <sheet name="中央区" sheetId="35" r:id="rId38"/>
    <sheet name="南区(相)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_FilterDatabase" localSheetId="0" hidden="1">神奈川県!$A$1:$A$79</definedName>
    <definedName name="_xlnm.Print_Area" localSheetId="44">愛川町!$A$1:$K$66</definedName>
    <definedName name="_xlnm.Print_Area" localSheetId="13">旭区!$A$1:$K$66</definedName>
    <definedName name="_xlnm.Print_Area" localSheetId="43">綾瀬市!$A$1:$K$66</definedName>
    <definedName name="_xlnm.Print_Area" localSheetId="51">伊勢原市!$A$1:$K$66</definedName>
    <definedName name="_xlnm.Print_Area" localSheetId="8">磯子区!$A$1:$K$66</definedName>
    <definedName name="_xlnm.Print_Area" localSheetId="16">栄区!$A$1:$K$66</definedName>
    <definedName name="_xlnm.Print_Area" localSheetId="28">横須賀三浦!$A$1:$K$66</definedName>
    <definedName name="_xlnm.Print_Area" localSheetId="29">横須賀市!$A$1:$K$66</definedName>
    <definedName name="_xlnm.Print_Area" localSheetId="1">横浜市!$A$1:$K$66</definedName>
    <definedName name="_xlnm.Print_Area" localSheetId="41">海老名市!$A$1:$K$66</definedName>
    <definedName name="_xlnm.Print_Area" localSheetId="62">開成町!$A$1:$K$66</definedName>
    <definedName name="_xlnm.Print_Area" localSheetId="30">鎌倉市!$A$1:$K$66</definedName>
    <definedName name="_xlnm.Print_Area" localSheetId="49">茅ヶ崎市!$A$1:$K$66</definedName>
    <definedName name="_xlnm.Print_Area" localSheetId="52">寒川町!$A$1:$K$66</definedName>
    <definedName name="_xlnm.Print_Area" localSheetId="26">宮前区!$A$1:$K$66</definedName>
    <definedName name="_xlnm.Print_Area" localSheetId="9">金沢区!$A$1:$K$66</definedName>
    <definedName name="_xlnm.Print_Area" localSheetId="34">県央!$A$1:$K$66</definedName>
    <definedName name="_xlnm.Print_Area" localSheetId="55">県西!$A$1:$K$66</definedName>
    <definedName name="_xlnm.Print_Area" localSheetId="11">戸塚区!$A$1:$K$66</definedName>
    <definedName name="_xlnm.Print_Area" localSheetId="39">厚木市!$A$1:$K$66</definedName>
    <definedName name="_xlnm.Print_Area" localSheetId="22">幸区!$A$1:$K$66</definedName>
    <definedName name="_xlnm.Print_Area" localSheetId="12">港南区!$A$1:$K$66</definedName>
    <definedName name="_xlnm.Print_Area" localSheetId="10">港北区!$A$1:$K$66</definedName>
    <definedName name="_xlnm.Print_Area" localSheetId="24">高津区!$A$1:$K$66</definedName>
    <definedName name="_xlnm.Print_Area" localSheetId="42">座間市!$A$1:$K$66</definedName>
    <definedName name="_xlnm.Print_Area" localSheetId="32">三浦市!$A$1:$K$66</definedName>
    <definedName name="_xlnm.Print_Area" localSheetId="61">山北町!$A$1:$K$66</definedName>
    <definedName name="_xlnm.Print_Area" localSheetId="56">小田原市!$A$1:$K$66</definedName>
    <definedName name="_xlnm.Print_Area" localSheetId="60">松田町!$A$1:$K$66</definedName>
    <definedName name="_xlnm.Print_Area" localSheetId="46">湘南!$A$1:$K$66</definedName>
    <definedName name="_xlnm.Print_Area" localSheetId="64">真鶴町!$A$1:$K$66</definedName>
    <definedName name="_xlnm.Print_Area" localSheetId="3">神奈川区!$A$1:$K$66</definedName>
    <definedName name="_xlnm.Print_Area" localSheetId="0">神奈川県!$A$1:$K$66</definedName>
    <definedName name="_xlnm.Print_Area" localSheetId="50">秦野市!$A$1:$K$66</definedName>
    <definedName name="_xlnm.Print_Area" localSheetId="31">逗子市!$A$1:$K$66</definedName>
    <definedName name="_xlnm.Print_Area" localSheetId="15">瀬谷区!$A$1:$K$66</definedName>
    <definedName name="_xlnm.Print_Area" localSheetId="45">清川村!$A$1:$K$66</definedName>
    <definedName name="_xlnm.Print_Area" localSheetId="4">西区!$A$1:$K$66</definedName>
    <definedName name="_xlnm.Print_Area" localSheetId="18">青葉区!$A$1:$K$66</definedName>
    <definedName name="_xlnm.Print_Area" localSheetId="21">川崎区!$A$1:$K$66</definedName>
    <definedName name="_xlnm.Print_Area" localSheetId="20">川崎市!$A$1:$K$66</definedName>
    <definedName name="_xlnm.Print_Area" localSheetId="17">泉区!$A$1:$K$66</definedName>
    <definedName name="_xlnm.Print_Area" localSheetId="35">相模原市!$A$1:$K$66</definedName>
    <definedName name="_xlnm.Print_Area" localSheetId="25">多摩区!$A$1:$K$66</definedName>
    <definedName name="_xlnm.Print_Area" localSheetId="59">大井町!$A$1:$K$66</definedName>
    <definedName name="_xlnm.Print_Area" localSheetId="53">大磯町!$A$1:$K$66</definedName>
    <definedName name="_xlnm.Print_Area" localSheetId="40">大和市!$A$1:$K$66</definedName>
    <definedName name="_xlnm.Print_Area" localSheetId="58">中井町!$A$1:$K$66</definedName>
    <definedName name="_xlnm.Print_Area" localSheetId="37">中央区!$A$1:$K$66</definedName>
    <definedName name="_xlnm.Print_Area" localSheetId="5">中区!$A$1:$K$66</definedName>
    <definedName name="_xlnm.Print_Area" localSheetId="23">中原区!$A$1:$K$66</definedName>
    <definedName name="_xlnm.Print_Area" localSheetId="2">鶴見区!$A$1:$K$66</definedName>
    <definedName name="_xlnm.Print_Area" localSheetId="19">都筑区!$A$1:$K$66</definedName>
    <definedName name="_xlnm.Print_Area" localSheetId="65">湯河原町!$A$1:$K$66</definedName>
    <definedName name="_xlnm.Print_Area" localSheetId="48">藤沢市!$A$1:$K$66</definedName>
    <definedName name="_xlnm.Print_Area" localSheetId="6">南区!$A$1:$K$66</definedName>
    <definedName name="_xlnm.Print_Area" localSheetId="38">'南区(相)'!$A$1:$K$66</definedName>
    <definedName name="_xlnm.Print_Area" localSheetId="57">南足柄市!$A$1:$K$66</definedName>
    <definedName name="_xlnm.Print_Area" localSheetId="54">二宮町!$A$1:$K$66</definedName>
    <definedName name="_xlnm.Print_Area" localSheetId="63">箱根町!$A$1:$K$66</definedName>
    <definedName name="_xlnm.Print_Area" localSheetId="47">平塚市!$A$1:$K$66</definedName>
    <definedName name="_xlnm.Print_Area" localSheetId="7">保土ケ谷区!$A$1:$K$66</definedName>
    <definedName name="_xlnm.Print_Area" localSheetId="27">麻生区!$A$1:$K$66</definedName>
    <definedName name="_xlnm.Print_Area" localSheetId="33">葉山町!$A$1:$K$66</definedName>
    <definedName name="_xlnm.Print_Area" localSheetId="14">緑区!$A$1:$K$66</definedName>
    <definedName name="_xlnm.Print_Area" localSheetId="36">'緑区(相)'!$A$1:$K$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44" uniqueCount="194">
  <si>
    <t>第１表　年齢(各歳・５歳階級)別、男女別人口</t>
  </si>
  <si>
    <t>神奈川県</t>
  </si>
  <si>
    <t>(単位：人）令和2年1月1日現在</t>
    <rPh sb="1" eb="3">
      <t>タンイ</t>
    </rPh>
    <rPh sb="4" eb="5">
      <t>ニン</t>
    </rPh>
    <rPh sb="6" eb="8">
      <t>レイワ</t>
    </rPh>
    <phoneticPr fontId="6"/>
  </si>
  <si>
    <t>年　齢</t>
  </si>
  <si>
    <t>総　数</t>
  </si>
  <si>
    <t>男</t>
  </si>
  <si>
    <t>女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年齢不詳</t>
  </si>
  <si>
    <t>横須賀三浦地域</t>
    <rPh sb="5" eb="7">
      <t>チイキ</t>
    </rPh>
    <phoneticPr fontId="6"/>
  </si>
  <si>
    <t>県央地域</t>
    <rPh sb="2" eb="4">
      <t>チイキ</t>
    </rPh>
    <phoneticPr fontId="6"/>
  </si>
  <si>
    <t>湘南地域</t>
    <rPh sb="2" eb="4">
      <t>チイキ</t>
    </rPh>
    <phoneticPr fontId="6"/>
  </si>
  <si>
    <t>県西地域</t>
    <rPh sb="0" eb="1">
      <t>ケン</t>
    </rPh>
    <rPh sb="2" eb="4">
      <t>チイキ</t>
    </rPh>
    <phoneticPr fontId="6"/>
  </si>
  <si>
    <t>横 浜 市</t>
  </si>
  <si>
    <t>横浜市　鶴見区</t>
    <rPh sb="0" eb="3">
      <t>ヨコハマシ</t>
    </rPh>
    <phoneticPr fontId="6"/>
  </si>
  <si>
    <t>横浜市　神奈川区</t>
    <phoneticPr fontId="6"/>
  </si>
  <si>
    <t>横浜市　西区</t>
    <phoneticPr fontId="6"/>
  </si>
  <si>
    <t>横浜市　中区</t>
    <phoneticPr fontId="6"/>
  </si>
  <si>
    <t>横浜市　南区</t>
    <phoneticPr fontId="6"/>
  </si>
  <si>
    <t>横浜市　保土ケ谷区</t>
    <rPh sb="4" eb="8">
      <t>ホドガヤ</t>
    </rPh>
    <rPh sb="8" eb="9">
      <t>ク</t>
    </rPh>
    <phoneticPr fontId="6"/>
  </si>
  <si>
    <t>横浜市　磯子区</t>
    <phoneticPr fontId="6"/>
  </si>
  <si>
    <t>横浜市　金沢区</t>
    <phoneticPr fontId="6"/>
  </si>
  <si>
    <t>横浜市　港北区</t>
    <phoneticPr fontId="6"/>
  </si>
  <si>
    <t>横浜市　戸塚区</t>
    <phoneticPr fontId="6"/>
  </si>
  <si>
    <t>横浜市　港南区</t>
    <phoneticPr fontId="6"/>
  </si>
  <si>
    <t>横浜市　旭区</t>
    <phoneticPr fontId="6"/>
  </si>
  <si>
    <t>横浜市　緑区</t>
    <phoneticPr fontId="6"/>
  </si>
  <si>
    <t>横浜市　瀬谷区</t>
    <phoneticPr fontId="6"/>
  </si>
  <si>
    <t>横浜市　栄区</t>
    <phoneticPr fontId="6"/>
  </si>
  <si>
    <t>横浜市　泉区</t>
    <phoneticPr fontId="6"/>
  </si>
  <si>
    <t>横浜市　青葉区</t>
    <phoneticPr fontId="6"/>
  </si>
  <si>
    <t>横浜市　都筑区</t>
    <phoneticPr fontId="6"/>
  </si>
  <si>
    <t>川 崎 市</t>
  </si>
  <si>
    <t>川崎市　川崎区</t>
    <rPh sb="0" eb="3">
      <t>カワサキシ</t>
    </rPh>
    <phoneticPr fontId="6"/>
  </si>
  <si>
    <t>川崎市　幸区</t>
    <phoneticPr fontId="6"/>
  </si>
  <si>
    <t>川崎市　中原区</t>
    <phoneticPr fontId="6"/>
  </si>
  <si>
    <t>川崎市　高津区</t>
    <phoneticPr fontId="6"/>
  </si>
  <si>
    <t>川崎市　多摩区</t>
    <phoneticPr fontId="6"/>
  </si>
  <si>
    <t>川崎市　宮前区</t>
    <phoneticPr fontId="6"/>
  </si>
  <si>
    <t>川崎市　麻生区</t>
    <phoneticPr fontId="6"/>
  </si>
  <si>
    <t>相模原市</t>
    <rPh sb="0" eb="1">
      <t>ソウ</t>
    </rPh>
    <rPh sb="1" eb="2">
      <t>ボ</t>
    </rPh>
    <rPh sb="2" eb="3">
      <t>ハラ</t>
    </rPh>
    <rPh sb="3" eb="4">
      <t>シ</t>
    </rPh>
    <phoneticPr fontId="6"/>
  </si>
  <si>
    <t>相模原市　緑区</t>
    <rPh sb="0" eb="4">
      <t>サガミハラシ</t>
    </rPh>
    <rPh sb="5" eb="7">
      <t>ミドリク</t>
    </rPh>
    <phoneticPr fontId="6"/>
  </si>
  <si>
    <t>相模原市　中央区</t>
    <rPh sb="5" eb="8">
      <t>チュウオウク</t>
    </rPh>
    <phoneticPr fontId="6"/>
  </si>
  <si>
    <t>相模原市　南区</t>
    <phoneticPr fontId="6"/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  <phoneticPr fontId="6"/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明朝"/>
      <family val="1"/>
      <charset val="128"/>
    </font>
    <font>
      <sz val="11"/>
      <name val="明朝"/>
      <family val="1"/>
      <charset val="128"/>
    </font>
    <font>
      <sz val="18"/>
      <name val="明朝"/>
      <family val="1"/>
      <charset val="128"/>
    </font>
    <font>
      <sz val="6"/>
      <name val="明朝"/>
      <family val="1"/>
      <charset val="128"/>
    </font>
    <font>
      <sz val="14"/>
      <name val="明朝"/>
      <family val="1"/>
      <charset val="128"/>
    </font>
    <font>
      <sz val="12"/>
      <name val="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0" fontId="2" fillId="0" borderId="0" xfId="0" applyFont="1" applyFill="1" applyAlignment="1">
      <alignment horizontal="centerContinuous"/>
    </xf>
    <xf numFmtId="0" fontId="2" fillId="0" borderId="0" xfId="0" quotePrefix="1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0" fontId="4" fillId="0" borderId="1" xfId="0" quotePrefix="1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0" fillId="0" borderId="1" xfId="0" quotePrefix="1" applyFill="1" applyBorder="1" applyAlignment="1">
      <alignment horizontal="left"/>
    </xf>
    <xf numFmtId="0" fontId="0" fillId="0" borderId="1" xfId="0" applyFill="1" applyBorder="1"/>
    <xf numFmtId="0" fontId="1" fillId="0" borderId="1" xfId="0" quotePrefix="1" applyFont="1" applyFill="1" applyBorder="1" applyAlignment="1">
      <alignment horizontal="center"/>
    </xf>
    <xf numFmtId="0" fontId="1" fillId="0" borderId="2" xfId="0" quotePrefix="1" applyFont="1" applyFill="1" applyBorder="1" applyAlignment="1">
      <alignment horizontal="center"/>
    </xf>
    <xf numFmtId="0" fontId="1" fillId="0" borderId="3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center"/>
    </xf>
    <xf numFmtId="3" fontId="1" fillId="0" borderId="4" xfId="0" quotePrefix="1" applyNumberFormat="1" applyFont="1" applyFill="1" applyBorder="1" applyAlignment="1">
      <alignment horizontal="right"/>
    </xf>
    <xf numFmtId="3" fontId="1" fillId="0" borderId="0" xfId="0" quotePrefix="1" applyNumberFormat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center"/>
    </xf>
    <xf numFmtId="0" fontId="1" fillId="0" borderId="4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right"/>
    </xf>
    <xf numFmtId="3" fontId="1" fillId="0" borderId="0" xfId="0" applyNumberFormat="1" applyFont="1" applyFill="1" applyBorder="1"/>
    <xf numFmtId="56" fontId="1" fillId="0" borderId="0" xfId="0" quotePrefix="1" applyNumberFormat="1" applyFont="1" applyFill="1" applyBorder="1" applyAlignment="1">
      <alignment horizontal="right"/>
    </xf>
    <xf numFmtId="0" fontId="1" fillId="0" borderId="0" xfId="0" applyFont="1" applyFill="1"/>
    <xf numFmtId="0" fontId="1" fillId="0" borderId="4" xfId="0" applyFont="1" applyFill="1" applyBorder="1"/>
    <xf numFmtId="0" fontId="1" fillId="0" borderId="0" xfId="0" applyFont="1" applyFill="1" applyBorder="1"/>
    <xf numFmtId="0" fontId="1" fillId="0" borderId="1" xfId="0" applyFont="1" applyFill="1" applyBorder="1"/>
    <xf numFmtId="0" fontId="1" fillId="0" borderId="2" xfId="0" applyFont="1" applyFill="1" applyBorder="1"/>
    <xf numFmtId="0" fontId="1" fillId="0" borderId="3" xfId="0" quotePrefix="1" applyFont="1" applyFill="1" applyBorder="1" applyAlignment="1">
      <alignment horizontal="right"/>
    </xf>
    <xf numFmtId="0" fontId="1" fillId="0" borderId="1" xfId="0" quotePrefix="1" applyFont="1" applyFill="1" applyBorder="1" applyAlignment="1">
      <alignment horizontal="right"/>
    </xf>
    <xf numFmtId="3" fontId="1" fillId="0" borderId="2" xfId="0" quotePrefix="1" applyNumberFormat="1" applyFont="1" applyFill="1" applyBorder="1" applyAlignment="1">
      <alignment horizontal="right"/>
    </xf>
    <xf numFmtId="3" fontId="1" fillId="0" borderId="1" xfId="0" applyNumberFormat="1" applyFont="1" applyFill="1" applyBorder="1"/>
    <xf numFmtId="0" fontId="0" fillId="0" borderId="0" xfId="0" applyFill="1" applyBorder="1" applyAlignment="1">
      <alignment horizontal="center"/>
    </xf>
    <xf numFmtId="2" fontId="0" fillId="0" borderId="0" xfId="0" applyNumberFormat="1" applyFill="1" applyBorder="1"/>
    <xf numFmtId="0" fontId="0" fillId="0" borderId="0" xfId="0" applyFill="1" applyBorder="1"/>
    <xf numFmtId="0" fontId="1" fillId="0" borderId="2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3" fontId="1" fillId="0" borderId="4" xfId="0" applyNumberFormat="1" applyFont="1" applyFill="1" applyBorder="1" applyAlignment="1">
      <alignment horizontal="right"/>
    </xf>
    <xf numFmtId="3" fontId="1" fillId="0" borderId="0" xfId="0" applyNumberFormat="1" applyFont="1" applyFill="1" applyBorder="1" applyAlignment="1">
      <alignment horizontal="right"/>
    </xf>
    <xf numFmtId="0" fontId="1" fillId="0" borderId="4" xfId="0" applyFont="1" applyFill="1" applyBorder="1" applyAlignment="1">
      <alignment horizontal="center"/>
    </xf>
    <xf numFmtId="0" fontId="1" fillId="0" borderId="5" xfId="0" applyFont="1" applyFill="1" applyBorder="1" applyAlignment="1">
      <alignment horizontal="right"/>
    </xf>
    <xf numFmtId="0" fontId="1" fillId="0" borderId="0" xfId="0" applyFont="1" applyFill="1" applyBorder="1" applyAlignment="1">
      <alignment horizontal="right"/>
    </xf>
    <xf numFmtId="3" fontId="1" fillId="0" borderId="2" xfId="0" applyNumberFormat="1" applyFont="1" applyFill="1" applyBorder="1" applyAlignment="1">
      <alignment horizontal="right"/>
    </xf>
    <xf numFmtId="0" fontId="4" fillId="0" borderId="1" xfId="0" applyFont="1" applyFill="1" applyBorder="1"/>
    <xf numFmtId="38" fontId="0" fillId="0" borderId="0" xfId="1" applyFont="1" applyFill="1" applyBorder="1"/>
    <xf numFmtId="0" fontId="5" fillId="0" borderId="1" xfId="0" applyFont="1" applyFill="1" applyBorder="1" applyAlignment="1">
      <alignment horizontal="right"/>
    </xf>
    <xf numFmtId="0" fontId="0" fillId="0" borderId="1" xfId="0" applyFill="1" applyBorder="1" applyAlignment="1">
      <alignment horizontal="right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tabSelected="1"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201825</v>
      </c>
      <c r="D4" s="14">
        <v>4585811</v>
      </c>
      <c r="E4" s="14">
        <v>461601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46881</v>
      </c>
      <c r="D5" s="14">
        <v>177807</v>
      </c>
      <c r="E5" s="14">
        <v>169074</v>
      </c>
      <c r="F5" s="14"/>
      <c r="G5" s="18" t="s">
        <v>8</v>
      </c>
      <c r="H5" s="17"/>
      <c r="I5" s="13">
        <v>703176</v>
      </c>
      <c r="J5" s="14">
        <v>365258</v>
      </c>
      <c r="K5" s="14">
        <v>337918</v>
      </c>
    </row>
    <row r="6" spans="1:11" ht="15" customHeight="1">
      <c r="A6" s="17" t="s">
        <v>9</v>
      </c>
      <c r="B6" s="17"/>
      <c r="C6" s="13">
        <v>65230</v>
      </c>
      <c r="D6" s="19">
        <v>33527</v>
      </c>
      <c r="E6" s="19">
        <v>31703</v>
      </c>
      <c r="F6" s="19"/>
      <c r="G6" s="18" t="s">
        <v>10</v>
      </c>
      <c r="H6" s="17"/>
      <c r="I6" s="13">
        <v>151068</v>
      </c>
      <c r="J6" s="19">
        <v>78054</v>
      </c>
      <c r="K6" s="19">
        <v>73014</v>
      </c>
    </row>
    <row r="7" spans="1:11" ht="15" customHeight="1">
      <c r="A7" s="17" t="s">
        <v>11</v>
      </c>
      <c r="B7" s="17"/>
      <c r="C7" s="13">
        <v>68719</v>
      </c>
      <c r="D7" s="19">
        <v>35287</v>
      </c>
      <c r="E7" s="19">
        <v>33432</v>
      </c>
      <c r="F7" s="19"/>
      <c r="G7" s="18" t="s">
        <v>12</v>
      </c>
      <c r="H7" s="17"/>
      <c r="I7" s="13">
        <v>149114</v>
      </c>
      <c r="J7" s="19">
        <v>77465</v>
      </c>
      <c r="K7" s="19">
        <v>71649</v>
      </c>
    </row>
    <row r="8" spans="1:11" ht="15" customHeight="1">
      <c r="A8" s="17" t="s">
        <v>13</v>
      </c>
      <c r="B8" s="17"/>
      <c r="C8" s="13">
        <v>70242</v>
      </c>
      <c r="D8" s="19">
        <v>35929</v>
      </c>
      <c r="E8" s="19">
        <v>34313</v>
      </c>
      <c r="F8" s="19"/>
      <c r="G8" s="18" t="s">
        <v>14</v>
      </c>
      <c r="H8" s="17"/>
      <c r="I8" s="13">
        <v>153258</v>
      </c>
      <c r="J8" s="19">
        <v>79682</v>
      </c>
      <c r="K8" s="19">
        <v>73576</v>
      </c>
    </row>
    <row r="9" spans="1:11" ht="15" customHeight="1">
      <c r="A9" s="17" t="s">
        <v>15</v>
      </c>
      <c r="B9" s="17"/>
      <c r="C9" s="13">
        <v>72571</v>
      </c>
      <c r="D9" s="19">
        <v>37307</v>
      </c>
      <c r="E9" s="19">
        <v>35264</v>
      </c>
      <c r="F9" s="19"/>
      <c r="G9" s="18" t="s">
        <v>16</v>
      </c>
      <c r="H9" s="17"/>
      <c r="I9" s="13">
        <v>109475</v>
      </c>
      <c r="J9" s="19">
        <v>57034</v>
      </c>
      <c r="K9" s="19">
        <v>52441</v>
      </c>
    </row>
    <row r="10" spans="1:11" ht="15" customHeight="1">
      <c r="A10" s="17" t="s">
        <v>17</v>
      </c>
      <c r="B10" s="17"/>
      <c r="C10" s="13">
        <v>70119</v>
      </c>
      <c r="D10" s="19">
        <v>35757</v>
      </c>
      <c r="E10" s="19">
        <v>34362</v>
      </c>
      <c r="F10" s="19"/>
      <c r="G10" s="18" t="s">
        <v>18</v>
      </c>
      <c r="H10" s="17"/>
      <c r="I10" s="13">
        <v>140261</v>
      </c>
      <c r="J10" s="19">
        <v>73023</v>
      </c>
      <c r="K10" s="19">
        <v>67238</v>
      </c>
    </row>
    <row r="11" spans="1:11" ht="20.100000000000001" customHeight="1">
      <c r="A11" s="17" t="s">
        <v>19</v>
      </c>
      <c r="B11" s="17"/>
      <c r="C11" s="13">
        <v>365929</v>
      </c>
      <c r="D11" s="14">
        <v>187233</v>
      </c>
      <c r="E11" s="14">
        <v>178696</v>
      </c>
      <c r="F11" s="14"/>
      <c r="G11" s="18" t="s">
        <v>20</v>
      </c>
      <c r="H11" s="17"/>
      <c r="I11" s="13">
        <v>574414</v>
      </c>
      <c r="J11" s="14">
        <v>297538</v>
      </c>
      <c r="K11" s="14">
        <v>276876</v>
      </c>
    </row>
    <row r="12" spans="1:11" ht="15" customHeight="1">
      <c r="A12" s="17" t="s">
        <v>21</v>
      </c>
      <c r="B12" s="17"/>
      <c r="C12" s="13">
        <v>70718</v>
      </c>
      <c r="D12" s="19">
        <v>36145</v>
      </c>
      <c r="E12" s="19">
        <v>34573</v>
      </c>
      <c r="F12" s="19"/>
      <c r="G12" s="18" t="s">
        <v>22</v>
      </c>
      <c r="H12" s="17"/>
      <c r="I12" s="13">
        <v>127653</v>
      </c>
      <c r="J12" s="19">
        <v>66671</v>
      </c>
      <c r="K12" s="19">
        <v>60982</v>
      </c>
    </row>
    <row r="13" spans="1:11" ht="15" customHeight="1">
      <c r="A13" s="17" t="s">
        <v>23</v>
      </c>
      <c r="B13" s="17"/>
      <c r="C13" s="13">
        <v>72283</v>
      </c>
      <c r="D13" s="19">
        <v>37053</v>
      </c>
      <c r="E13" s="19">
        <v>35230</v>
      </c>
      <c r="F13" s="19"/>
      <c r="G13" s="18" t="s">
        <v>24</v>
      </c>
      <c r="H13" s="17"/>
      <c r="I13" s="13">
        <v>120507</v>
      </c>
      <c r="J13" s="19">
        <v>62786</v>
      </c>
      <c r="K13" s="19">
        <v>57721</v>
      </c>
    </row>
    <row r="14" spans="1:11" ht="15" customHeight="1">
      <c r="A14" s="17" t="s">
        <v>25</v>
      </c>
      <c r="B14" s="17"/>
      <c r="C14" s="13">
        <v>73394</v>
      </c>
      <c r="D14" s="19">
        <v>37560</v>
      </c>
      <c r="E14" s="19">
        <v>35834</v>
      </c>
      <c r="F14" s="19"/>
      <c r="G14" s="18" t="s">
        <v>26</v>
      </c>
      <c r="H14" s="17"/>
      <c r="I14" s="13">
        <v>113153</v>
      </c>
      <c r="J14" s="19">
        <v>58552</v>
      </c>
      <c r="K14" s="19">
        <v>54601</v>
      </c>
    </row>
    <row r="15" spans="1:11" ht="15" customHeight="1">
      <c r="A15" s="17" t="s">
        <v>27</v>
      </c>
      <c r="B15" s="17"/>
      <c r="C15" s="13">
        <v>74200</v>
      </c>
      <c r="D15" s="19">
        <v>38043</v>
      </c>
      <c r="E15" s="19">
        <v>36157</v>
      </c>
      <c r="F15" s="19"/>
      <c r="G15" s="18" t="s">
        <v>28</v>
      </c>
      <c r="H15" s="17"/>
      <c r="I15" s="13">
        <v>108078</v>
      </c>
      <c r="J15" s="19">
        <v>55879</v>
      </c>
      <c r="K15" s="19">
        <v>52199</v>
      </c>
    </row>
    <row r="16" spans="1:11" ht="15" customHeight="1">
      <c r="A16" s="17" t="s">
        <v>29</v>
      </c>
      <c r="B16" s="17"/>
      <c r="C16" s="13">
        <v>75334</v>
      </c>
      <c r="D16" s="19">
        <v>38432</v>
      </c>
      <c r="E16" s="19">
        <v>36902</v>
      </c>
      <c r="F16" s="19"/>
      <c r="G16" s="18" t="s">
        <v>30</v>
      </c>
      <c r="H16" s="17"/>
      <c r="I16" s="13">
        <v>105023</v>
      </c>
      <c r="J16" s="19">
        <v>53650</v>
      </c>
      <c r="K16" s="19">
        <v>51373</v>
      </c>
    </row>
    <row r="17" spans="1:11" ht="20.100000000000001" customHeight="1">
      <c r="A17" s="20" t="s">
        <v>31</v>
      </c>
      <c r="B17" s="20"/>
      <c r="C17" s="13">
        <v>381592</v>
      </c>
      <c r="D17" s="14">
        <v>195323</v>
      </c>
      <c r="E17" s="14">
        <v>186269</v>
      </c>
      <c r="F17" s="14"/>
      <c r="G17" s="18" t="s">
        <v>32</v>
      </c>
      <c r="H17" s="17"/>
      <c r="I17" s="13">
        <v>485502</v>
      </c>
      <c r="J17" s="14">
        <v>245973</v>
      </c>
      <c r="K17" s="14">
        <v>239529</v>
      </c>
    </row>
    <row r="18" spans="1:11" ht="15" customHeight="1">
      <c r="A18" s="17" t="s">
        <v>33</v>
      </c>
      <c r="B18" s="17"/>
      <c r="C18" s="13">
        <v>75683</v>
      </c>
      <c r="D18" s="19">
        <v>38522</v>
      </c>
      <c r="E18" s="19">
        <v>37161</v>
      </c>
      <c r="F18" s="19"/>
      <c r="G18" s="18" t="s">
        <v>34</v>
      </c>
      <c r="H18" s="17"/>
      <c r="I18" s="13">
        <v>101197</v>
      </c>
      <c r="J18" s="19">
        <v>52170</v>
      </c>
      <c r="K18" s="19">
        <v>49027</v>
      </c>
    </row>
    <row r="19" spans="1:11" ht="15" customHeight="1">
      <c r="A19" s="17" t="s">
        <v>35</v>
      </c>
      <c r="B19" s="17"/>
      <c r="C19" s="13">
        <v>77125</v>
      </c>
      <c r="D19" s="19">
        <v>39611</v>
      </c>
      <c r="E19" s="19">
        <v>37514</v>
      </c>
      <c r="F19" s="19"/>
      <c r="G19" s="18" t="s">
        <v>36</v>
      </c>
      <c r="H19" s="17"/>
      <c r="I19" s="13">
        <v>100457</v>
      </c>
      <c r="J19" s="19">
        <v>51201</v>
      </c>
      <c r="K19" s="19">
        <v>49256</v>
      </c>
    </row>
    <row r="20" spans="1:11" ht="15" customHeight="1">
      <c r="A20" s="17" t="s">
        <v>37</v>
      </c>
      <c r="B20" s="17"/>
      <c r="C20" s="13">
        <v>76888</v>
      </c>
      <c r="D20" s="19">
        <v>39494</v>
      </c>
      <c r="E20" s="19">
        <v>37394</v>
      </c>
      <c r="F20" s="19"/>
      <c r="G20" s="18" t="s">
        <v>38</v>
      </c>
      <c r="H20" s="17"/>
      <c r="I20" s="13">
        <v>92297</v>
      </c>
      <c r="J20" s="19">
        <v>46438</v>
      </c>
      <c r="K20" s="19">
        <v>45859</v>
      </c>
    </row>
    <row r="21" spans="1:11" ht="15" customHeight="1">
      <c r="A21" s="17" t="s">
        <v>39</v>
      </c>
      <c r="B21" s="17"/>
      <c r="C21" s="13">
        <v>77067</v>
      </c>
      <c r="D21" s="19">
        <v>39599</v>
      </c>
      <c r="E21" s="19">
        <v>37468</v>
      </c>
      <c r="F21" s="19"/>
      <c r="G21" s="18" t="s">
        <v>40</v>
      </c>
      <c r="H21" s="17"/>
      <c r="I21" s="13">
        <v>94409</v>
      </c>
      <c r="J21" s="19">
        <v>47568</v>
      </c>
      <c r="K21" s="19">
        <v>46841</v>
      </c>
    </row>
    <row r="22" spans="1:11" ht="15" customHeight="1">
      <c r="A22" s="17" t="s">
        <v>41</v>
      </c>
      <c r="B22" s="17"/>
      <c r="C22" s="13">
        <v>74829</v>
      </c>
      <c r="D22" s="19">
        <v>38097</v>
      </c>
      <c r="E22" s="19">
        <v>36732</v>
      </c>
      <c r="F22" s="19"/>
      <c r="G22" s="18" t="s">
        <v>42</v>
      </c>
      <c r="H22" s="17"/>
      <c r="I22" s="13">
        <v>97142</v>
      </c>
      <c r="J22" s="19">
        <v>48596</v>
      </c>
      <c r="K22" s="19">
        <v>48546</v>
      </c>
    </row>
    <row r="23" spans="1:11" ht="20.100000000000001" customHeight="1">
      <c r="A23" s="17" t="s">
        <v>43</v>
      </c>
      <c r="B23" s="17"/>
      <c r="C23" s="13">
        <v>414305</v>
      </c>
      <c r="D23" s="14">
        <v>212413</v>
      </c>
      <c r="E23" s="14">
        <v>201892</v>
      </c>
      <c r="F23" s="14"/>
      <c r="G23" s="18" t="s">
        <v>44</v>
      </c>
      <c r="H23" s="17"/>
      <c r="I23" s="13">
        <v>536795</v>
      </c>
      <c r="J23" s="14">
        <v>262657</v>
      </c>
      <c r="K23" s="14">
        <v>274138</v>
      </c>
    </row>
    <row r="24" spans="1:11" ht="15" customHeight="1">
      <c r="A24" s="17" t="s">
        <v>45</v>
      </c>
      <c r="B24" s="17"/>
      <c r="C24" s="13">
        <v>78115</v>
      </c>
      <c r="D24" s="19">
        <v>40230</v>
      </c>
      <c r="E24" s="19">
        <v>37885</v>
      </c>
      <c r="F24" s="19"/>
      <c r="G24" s="18" t="s">
        <v>46</v>
      </c>
      <c r="H24" s="17"/>
      <c r="I24" s="13">
        <v>96409</v>
      </c>
      <c r="J24" s="19">
        <v>47906</v>
      </c>
      <c r="K24" s="19">
        <v>48503</v>
      </c>
    </row>
    <row r="25" spans="1:11" ht="15" customHeight="1">
      <c r="A25" s="17" t="s">
        <v>47</v>
      </c>
      <c r="B25" s="17"/>
      <c r="C25" s="13">
        <v>80042</v>
      </c>
      <c r="D25" s="19">
        <v>41166</v>
      </c>
      <c r="E25" s="19">
        <v>38876</v>
      </c>
      <c r="F25" s="19"/>
      <c r="G25" s="18" t="s">
        <v>48</v>
      </c>
      <c r="H25" s="17"/>
      <c r="I25" s="13">
        <v>99567</v>
      </c>
      <c r="J25" s="19">
        <v>49014</v>
      </c>
      <c r="K25" s="19">
        <v>50553</v>
      </c>
    </row>
    <row r="26" spans="1:11" ht="15" customHeight="1">
      <c r="A26" s="17" t="s">
        <v>49</v>
      </c>
      <c r="B26" s="17"/>
      <c r="C26" s="13">
        <v>80955</v>
      </c>
      <c r="D26" s="19">
        <v>40995</v>
      </c>
      <c r="E26" s="19">
        <v>39960</v>
      </c>
      <c r="F26" s="19"/>
      <c r="G26" s="18" t="s">
        <v>50</v>
      </c>
      <c r="H26" s="17"/>
      <c r="I26" s="13">
        <v>107614</v>
      </c>
      <c r="J26" s="19">
        <v>52481</v>
      </c>
      <c r="K26" s="19">
        <v>55133</v>
      </c>
    </row>
    <row r="27" spans="1:11" ht="15" customHeight="1">
      <c r="A27" s="17" t="s">
        <v>51</v>
      </c>
      <c r="B27" s="17"/>
      <c r="C27" s="13">
        <v>84061</v>
      </c>
      <c r="D27" s="19">
        <v>43289</v>
      </c>
      <c r="E27" s="19">
        <v>40772</v>
      </c>
      <c r="F27" s="19"/>
      <c r="G27" s="18" t="s">
        <v>52</v>
      </c>
      <c r="H27" s="17"/>
      <c r="I27" s="13">
        <v>112285</v>
      </c>
      <c r="J27" s="19">
        <v>54675</v>
      </c>
      <c r="K27" s="19">
        <v>57610</v>
      </c>
    </row>
    <row r="28" spans="1:11" ht="15" customHeight="1">
      <c r="A28" s="17" t="s">
        <v>53</v>
      </c>
      <c r="B28" s="17"/>
      <c r="C28" s="13">
        <v>91132</v>
      </c>
      <c r="D28" s="19">
        <v>46733</v>
      </c>
      <c r="E28" s="19">
        <v>44399</v>
      </c>
      <c r="F28" s="19"/>
      <c r="G28" s="18" t="s">
        <v>54</v>
      </c>
      <c r="H28" s="17"/>
      <c r="I28" s="13">
        <v>120920</v>
      </c>
      <c r="J28" s="19">
        <v>58581</v>
      </c>
      <c r="K28" s="19">
        <v>62339</v>
      </c>
    </row>
    <row r="29" spans="1:11" ht="20.100000000000001" customHeight="1">
      <c r="A29" s="17" t="s">
        <v>55</v>
      </c>
      <c r="B29" s="17"/>
      <c r="C29" s="13">
        <v>506863</v>
      </c>
      <c r="D29" s="14">
        <v>263299</v>
      </c>
      <c r="E29" s="14">
        <v>243564</v>
      </c>
      <c r="F29" s="14"/>
      <c r="G29" s="18" t="s">
        <v>56</v>
      </c>
      <c r="H29" s="17"/>
      <c r="I29" s="13">
        <v>583820</v>
      </c>
      <c r="J29" s="14">
        <v>275416</v>
      </c>
      <c r="K29" s="14">
        <v>308404</v>
      </c>
    </row>
    <row r="30" spans="1:11" ht="15" customHeight="1">
      <c r="A30" s="17" t="s">
        <v>57</v>
      </c>
      <c r="B30" s="17"/>
      <c r="C30" s="13">
        <v>91651</v>
      </c>
      <c r="D30" s="19">
        <v>47200</v>
      </c>
      <c r="E30" s="19">
        <v>44451</v>
      </c>
      <c r="F30" s="19"/>
      <c r="G30" s="18" t="s">
        <v>58</v>
      </c>
      <c r="H30" s="17"/>
      <c r="I30" s="13">
        <v>138268</v>
      </c>
      <c r="J30" s="19">
        <v>66098</v>
      </c>
      <c r="K30" s="19">
        <v>72170</v>
      </c>
    </row>
    <row r="31" spans="1:11" ht="15" customHeight="1">
      <c r="A31" s="17" t="s">
        <v>59</v>
      </c>
      <c r="B31" s="17"/>
      <c r="C31" s="13">
        <v>96360</v>
      </c>
      <c r="D31" s="19">
        <v>49906</v>
      </c>
      <c r="E31" s="19">
        <v>46454</v>
      </c>
      <c r="F31" s="19"/>
      <c r="G31" s="18" t="s">
        <v>60</v>
      </c>
      <c r="H31" s="17"/>
      <c r="I31" s="13">
        <v>134849</v>
      </c>
      <c r="J31" s="19">
        <v>63838</v>
      </c>
      <c r="K31" s="19">
        <v>71011</v>
      </c>
    </row>
    <row r="32" spans="1:11">
      <c r="A32" s="17" t="s">
        <v>61</v>
      </c>
      <c r="B32" s="17"/>
      <c r="C32" s="13">
        <v>99473</v>
      </c>
      <c r="D32" s="19">
        <v>51521</v>
      </c>
      <c r="E32" s="19">
        <v>47952</v>
      </c>
      <c r="F32" s="19"/>
      <c r="G32" s="18" t="s">
        <v>62</v>
      </c>
      <c r="H32" s="17"/>
      <c r="I32" s="13">
        <v>134411</v>
      </c>
      <c r="J32" s="19">
        <v>63350</v>
      </c>
      <c r="K32" s="19">
        <v>71061</v>
      </c>
    </row>
    <row r="33" spans="1:11" ht="15" customHeight="1">
      <c r="A33" s="17" t="s">
        <v>63</v>
      </c>
      <c r="B33" s="17"/>
      <c r="C33" s="13">
        <v>110452</v>
      </c>
      <c r="D33" s="19">
        <v>57619</v>
      </c>
      <c r="E33" s="19">
        <v>52833</v>
      </c>
      <c r="F33" s="19"/>
      <c r="G33" s="18" t="s">
        <v>64</v>
      </c>
      <c r="H33" s="17"/>
      <c r="I33" s="13">
        <v>92704</v>
      </c>
      <c r="J33" s="19">
        <v>43407</v>
      </c>
      <c r="K33" s="19">
        <v>49297</v>
      </c>
    </row>
    <row r="34" spans="1:11" ht="15" customHeight="1">
      <c r="A34" s="17" t="s">
        <v>65</v>
      </c>
      <c r="B34" s="17"/>
      <c r="C34" s="13">
        <v>108927</v>
      </c>
      <c r="D34" s="19">
        <v>57053</v>
      </c>
      <c r="E34" s="19">
        <v>51874</v>
      </c>
      <c r="F34" s="19"/>
      <c r="G34" s="18" t="s">
        <v>66</v>
      </c>
      <c r="H34" s="17"/>
      <c r="I34" s="13">
        <v>83588</v>
      </c>
      <c r="J34" s="19">
        <v>38723</v>
      </c>
      <c r="K34" s="19">
        <v>44865</v>
      </c>
    </row>
    <row r="35" spans="1:11" ht="20.100000000000001" customHeight="1">
      <c r="A35" s="17" t="s">
        <v>67</v>
      </c>
      <c r="B35" s="17"/>
      <c r="C35" s="13">
        <v>505423</v>
      </c>
      <c r="D35" s="14">
        <v>266079</v>
      </c>
      <c r="E35" s="14">
        <v>239344</v>
      </c>
      <c r="F35" s="14"/>
      <c r="G35" s="18" t="s">
        <v>68</v>
      </c>
      <c r="H35" s="17"/>
      <c r="I35" s="13">
        <v>498335</v>
      </c>
      <c r="J35" s="14">
        <v>225941</v>
      </c>
      <c r="K35" s="14">
        <v>272394</v>
      </c>
    </row>
    <row r="36" spans="1:11" ht="15" customHeight="1">
      <c r="A36" s="17" t="s">
        <v>69</v>
      </c>
      <c r="B36" s="17"/>
      <c r="C36" s="13">
        <v>110036</v>
      </c>
      <c r="D36" s="19">
        <v>57887</v>
      </c>
      <c r="E36" s="19">
        <v>52149</v>
      </c>
      <c r="F36" s="19"/>
      <c r="G36" s="18" t="s">
        <v>70</v>
      </c>
      <c r="H36" s="17"/>
      <c r="I36" s="13">
        <v>101948</v>
      </c>
      <c r="J36" s="19">
        <v>46880</v>
      </c>
      <c r="K36" s="19">
        <v>55068</v>
      </c>
    </row>
    <row r="37" spans="1:11" ht="15" customHeight="1">
      <c r="A37" s="17" t="s">
        <v>71</v>
      </c>
      <c r="B37" s="17"/>
      <c r="C37" s="13">
        <v>103485</v>
      </c>
      <c r="D37" s="19">
        <v>54825</v>
      </c>
      <c r="E37" s="19">
        <v>48660</v>
      </c>
      <c r="F37" s="19"/>
      <c r="G37" s="18" t="s">
        <v>72</v>
      </c>
      <c r="H37" s="17"/>
      <c r="I37" s="13">
        <v>107086</v>
      </c>
      <c r="J37" s="19">
        <v>48875</v>
      </c>
      <c r="K37" s="19">
        <v>58211</v>
      </c>
    </row>
    <row r="38" spans="1:11" ht="15" customHeight="1">
      <c r="A38" s="17" t="s">
        <v>73</v>
      </c>
      <c r="B38" s="17"/>
      <c r="C38" s="13">
        <v>98802</v>
      </c>
      <c r="D38" s="19">
        <v>52267</v>
      </c>
      <c r="E38" s="19">
        <v>46535</v>
      </c>
      <c r="F38" s="19"/>
      <c r="G38" s="18" t="s">
        <v>74</v>
      </c>
      <c r="H38" s="17"/>
      <c r="I38" s="13">
        <v>100903</v>
      </c>
      <c r="J38" s="19">
        <v>45846</v>
      </c>
      <c r="K38" s="19">
        <v>55057</v>
      </c>
    </row>
    <row r="39" spans="1:11" ht="15" customHeight="1">
      <c r="A39" s="17" t="s">
        <v>75</v>
      </c>
      <c r="B39" s="17"/>
      <c r="C39" s="13">
        <v>97535</v>
      </c>
      <c r="D39" s="19">
        <v>51179</v>
      </c>
      <c r="E39" s="19">
        <v>46356</v>
      </c>
      <c r="F39" s="19"/>
      <c r="G39" s="18" t="s">
        <v>76</v>
      </c>
      <c r="H39" s="17"/>
      <c r="I39" s="13">
        <v>99587</v>
      </c>
      <c r="J39" s="19">
        <v>44723</v>
      </c>
      <c r="K39" s="19">
        <v>54864</v>
      </c>
    </row>
    <row r="40" spans="1:11" ht="15" customHeight="1">
      <c r="A40" s="17" t="s">
        <v>77</v>
      </c>
      <c r="B40" s="17"/>
      <c r="C40" s="13">
        <v>95565</v>
      </c>
      <c r="D40" s="19">
        <v>49921</v>
      </c>
      <c r="E40" s="19">
        <v>45644</v>
      </c>
      <c r="F40" s="19"/>
      <c r="G40" s="18" t="s">
        <v>78</v>
      </c>
      <c r="H40" s="17"/>
      <c r="I40" s="13">
        <v>88811</v>
      </c>
      <c r="J40" s="19">
        <v>39617</v>
      </c>
      <c r="K40" s="19">
        <v>49194</v>
      </c>
    </row>
    <row r="41" spans="1:11" ht="20.100000000000001" customHeight="1">
      <c r="A41" s="17" t="s">
        <v>79</v>
      </c>
      <c r="B41" s="17"/>
      <c r="C41" s="13">
        <v>506076</v>
      </c>
      <c r="D41" s="14">
        <v>261992</v>
      </c>
      <c r="E41" s="14">
        <v>244084</v>
      </c>
      <c r="F41" s="14"/>
      <c r="G41" s="18" t="s">
        <v>80</v>
      </c>
      <c r="H41" s="17"/>
      <c r="I41" s="13">
        <v>347805</v>
      </c>
      <c r="J41" s="14">
        <v>150438</v>
      </c>
      <c r="K41" s="14">
        <v>197367</v>
      </c>
    </row>
    <row r="42" spans="1:11" ht="15" customHeight="1">
      <c r="A42" s="17" t="s">
        <v>81</v>
      </c>
      <c r="B42" s="17"/>
      <c r="C42" s="13">
        <v>95648</v>
      </c>
      <c r="D42" s="19">
        <v>49592</v>
      </c>
      <c r="E42" s="19">
        <v>46056</v>
      </c>
      <c r="F42" s="19"/>
      <c r="G42" s="18" t="s">
        <v>82</v>
      </c>
      <c r="H42" s="17"/>
      <c r="I42" s="13">
        <v>75444</v>
      </c>
      <c r="J42" s="19">
        <v>33772</v>
      </c>
      <c r="K42" s="19">
        <v>41672</v>
      </c>
    </row>
    <row r="43" spans="1:11" ht="15" customHeight="1">
      <c r="A43" s="17" t="s">
        <v>83</v>
      </c>
      <c r="B43" s="17"/>
      <c r="C43" s="13">
        <v>99933</v>
      </c>
      <c r="D43" s="19">
        <v>51563</v>
      </c>
      <c r="E43" s="19">
        <v>48370</v>
      </c>
      <c r="F43" s="19"/>
      <c r="G43" s="18" t="s">
        <v>84</v>
      </c>
      <c r="H43" s="17"/>
      <c r="I43" s="13">
        <v>69517</v>
      </c>
      <c r="J43" s="19">
        <v>30765</v>
      </c>
      <c r="K43" s="19">
        <v>38752</v>
      </c>
    </row>
    <row r="44" spans="1:11" ht="15" customHeight="1">
      <c r="A44" s="17" t="s">
        <v>85</v>
      </c>
      <c r="B44" s="17"/>
      <c r="C44" s="13">
        <v>100472</v>
      </c>
      <c r="D44" s="19">
        <v>52244</v>
      </c>
      <c r="E44" s="19">
        <v>48228</v>
      </c>
      <c r="F44" s="19"/>
      <c r="G44" s="18" t="s">
        <v>86</v>
      </c>
      <c r="H44" s="17"/>
      <c r="I44" s="13">
        <v>73491</v>
      </c>
      <c r="J44" s="19">
        <v>31745</v>
      </c>
      <c r="K44" s="19">
        <v>41746</v>
      </c>
    </row>
    <row r="45" spans="1:11" ht="15" customHeight="1">
      <c r="A45" s="17" t="s">
        <v>87</v>
      </c>
      <c r="B45" s="17"/>
      <c r="C45" s="13">
        <v>102934</v>
      </c>
      <c r="D45" s="19">
        <v>53610</v>
      </c>
      <c r="E45" s="19">
        <v>49324</v>
      </c>
      <c r="F45" s="19"/>
      <c r="G45" s="18" t="s">
        <v>88</v>
      </c>
      <c r="H45" s="17"/>
      <c r="I45" s="13">
        <v>65713</v>
      </c>
      <c r="J45" s="19">
        <v>27761</v>
      </c>
      <c r="K45" s="19">
        <v>37952</v>
      </c>
    </row>
    <row r="46" spans="1:11" ht="15" customHeight="1">
      <c r="A46" s="17" t="s">
        <v>89</v>
      </c>
      <c r="B46" s="17"/>
      <c r="C46" s="13">
        <v>107089</v>
      </c>
      <c r="D46" s="19">
        <v>54983</v>
      </c>
      <c r="E46" s="19">
        <v>52106</v>
      </c>
      <c r="F46" s="19"/>
      <c r="G46" s="18" t="s">
        <v>90</v>
      </c>
      <c r="H46" s="17"/>
      <c r="I46" s="13">
        <v>63640</v>
      </c>
      <c r="J46" s="19">
        <v>26395</v>
      </c>
      <c r="K46" s="19">
        <v>37245</v>
      </c>
    </row>
    <row r="47" spans="1:11" ht="20.100000000000001" customHeight="1">
      <c r="A47" s="17" t="s">
        <v>91</v>
      </c>
      <c r="B47" s="17"/>
      <c r="C47" s="13">
        <v>570638</v>
      </c>
      <c r="D47" s="14">
        <v>293273</v>
      </c>
      <c r="E47" s="14">
        <v>277365</v>
      </c>
      <c r="F47" s="14"/>
      <c r="G47" s="18" t="s">
        <v>92</v>
      </c>
      <c r="H47" s="17"/>
      <c r="I47" s="13">
        <v>214991</v>
      </c>
      <c r="J47" s="14">
        <v>80027</v>
      </c>
      <c r="K47" s="14">
        <v>134964</v>
      </c>
    </row>
    <row r="48" spans="1:11" ht="15" customHeight="1">
      <c r="A48" s="17" t="s">
        <v>93</v>
      </c>
      <c r="B48" s="17"/>
      <c r="C48" s="13">
        <v>111327</v>
      </c>
      <c r="D48" s="19">
        <v>57518</v>
      </c>
      <c r="E48" s="19">
        <v>53809</v>
      </c>
      <c r="F48" s="19"/>
      <c r="G48" s="18" t="s">
        <v>94</v>
      </c>
      <c r="H48" s="17"/>
      <c r="I48" s="13">
        <v>52672</v>
      </c>
      <c r="J48" s="19">
        <v>20868</v>
      </c>
      <c r="K48" s="19">
        <v>31804</v>
      </c>
    </row>
    <row r="49" spans="1:11" ht="15" customHeight="1">
      <c r="A49" s="17" t="s">
        <v>95</v>
      </c>
      <c r="B49" s="17"/>
      <c r="C49" s="13">
        <v>113535</v>
      </c>
      <c r="D49" s="19">
        <v>58281</v>
      </c>
      <c r="E49" s="19">
        <v>55254</v>
      </c>
      <c r="F49" s="19"/>
      <c r="G49" s="18" t="s">
        <v>96</v>
      </c>
      <c r="H49" s="17"/>
      <c r="I49" s="13">
        <v>48775</v>
      </c>
      <c r="J49" s="19">
        <v>18850</v>
      </c>
      <c r="K49" s="19">
        <v>29925</v>
      </c>
    </row>
    <row r="50" spans="1:11" ht="15" customHeight="1">
      <c r="A50" s="17" t="s">
        <v>97</v>
      </c>
      <c r="B50" s="17"/>
      <c r="C50" s="13">
        <v>112986</v>
      </c>
      <c r="D50" s="19">
        <v>58312</v>
      </c>
      <c r="E50" s="19">
        <v>54674</v>
      </c>
      <c r="F50" s="19"/>
      <c r="G50" s="18" t="s">
        <v>98</v>
      </c>
      <c r="H50" s="17"/>
      <c r="I50" s="13">
        <v>43806</v>
      </c>
      <c r="J50" s="19">
        <v>16180</v>
      </c>
      <c r="K50" s="19">
        <v>27626</v>
      </c>
    </row>
    <row r="51" spans="1:11" ht="15" customHeight="1">
      <c r="A51" s="17" t="s">
        <v>99</v>
      </c>
      <c r="B51" s="17"/>
      <c r="C51" s="13">
        <v>114607</v>
      </c>
      <c r="D51" s="19">
        <v>58720</v>
      </c>
      <c r="E51" s="19">
        <v>55887</v>
      </c>
      <c r="F51" s="19"/>
      <c r="G51" s="18" t="s">
        <v>100</v>
      </c>
      <c r="H51" s="17"/>
      <c r="I51" s="13">
        <v>37841</v>
      </c>
      <c r="J51" s="19">
        <v>13301</v>
      </c>
      <c r="K51" s="19">
        <v>24540</v>
      </c>
    </row>
    <row r="52" spans="1:11" ht="15" customHeight="1">
      <c r="A52" s="17" t="s">
        <v>101</v>
      </c>
      <c r="B52" s="17"/>
      <c r="C52" s="13">
        <v>118183</v>
      </c>
      <c r="D52" s="19">
        <v>60442</v>
      </c>
      <c r="E52" s="19">
        <v>57741</v>
      </c>
      <c r="F52" s="19"/>
      <c r="G52" s="18" t="s">
        <v>102</v>
      </c>
      <c r="H52" s="17"/>
      <c r="I52" s="13">
        <v>31897</v>
      </c>
      <c r="J52" s="19">
        <v>10828</v>
      </c>
      <c r="K52" s="19">
        <v>21069</v>
      </c>
    </row>
    <row r="53" spans="1:11" ht="20.100000000000001" customHeight="1">
      <c r="A53" s="17" t="s">
        <v>103</v>
      </c>
      <c r="B53" s="17"/>
      <c r="C53" s="13">
        <v>662764</v>
      </c>
      <c r="D53" s="14">
        <v>340280</v>
      </c>
      <c r="E53" s="14">
        <v>322484</v>
      </c>
      <c r="F53" s="14"/>
      <c r="G53" s="18" t="s">
        <v>104</v>
      </c>
      <c r="H53" s="17"/>
      <c r="I53" s="13">
        <v>98279</v>
      </c>
      <c r="J53" s="14">
        <v>28942</v>
      </c>
      <c r="K53" s="14">
        <v>69337</v>
      </c>
    </row>
    <row r="54" spans="1:11" ht="15" customHeight="1">
      <c r="A54" s="17" t="s">
        <v>105</v>
      </c>
      <c r="B54" s="17"/>
      <c r="C54" s="13">
        <v>123858</v>
      </c>
      <c r="D54" s="19">
        <v>63749</v>
      </c>
      <c r="E54" s="19">
        <v>60109</v>
      </c>
      <c r="F54" s="19"/>
      <c r="G54" s="18" t="s">
        <v>106</v>
      </c>
      <c r="H54" s="17"/>
      <c r="I54" s="13">
        <v>26967</v>
      </c>
      <c r="J54" s="19">
        <v>8631</v>
      </c>
      <c r="K54" s="19">
        <v>18336</v>
      </c>
    </row>
    <row r="55" spans="1:11" ht="15" customHeight="1">
      <c r="A55" s="17" t="s">
        <v>107</v>
      </c>
      <c r="B55" s="17"/>
      <c r="C55" s="13">
        <v>128160</v>
      </c>
      <c r="D55" s="19">
        <v>65718</v>
      </c>
      <c r="E55" s="19">
        <v>62442</v>
      </c>
      <c r="F55" s="19"/>
      <c r="G55" s="18" t="s">
        <v>108</v>
      </c>
      <c r="H55" s="17"/>
      <c r="I55" s="13">
        <v>23609</v>
      </c>
      <c r="J55" s="19">
        <v>7100</v>
      </c>
      <c r="K55" s="19">
        <v>16509</v>
      </c>
    </row>
    <row r="56" spans="1:11" ht="15" customHeight="1">
      <c r="A56" s="17" t="s">
        <v>109</v>
      </c>
      <c r="B56" s="17"/>
      <c r="C56" s="13">
        <v>131909</v>
      </c>
      <c r="D56" s="19">
        <v>67715</v>
      </c>
      <c r="E56" s="19">
        <v>64194</v>
      </c>
      <c r="F56" s="19"/>
      <c r="G56" s="18" t="s">
        <v>110</v>
      </c>
      <c r="H56" s="17"/>
      <c r="I56" s="13">
        <v>19063</v>
      </c>
      <c r="J56" s="19">
        <v>5592</v>
      </c>
      <c r="K56" s="19">
        <v>13471</v>
      </c>
    </row>
    <row r="57" spans="1:11" ht="15" customHeight="1">
      <c r="A57" s="17" t="s">
        <v>111</v>
      </c>
      <c r="B57" s="17"/>
      <c r="C57" s="13">
        <v>136933</v>
      </c>
      <c r="D57" s="19">
        <v>70316</v>
      </c>
      <c r="E57" s="19">
        <v>66617</v>
      </c>
      <c r="F57" s="19"/>
      <c r="G57" s="18" t="s">
        <v>112</v>
      </c>
      <c r="H57" s="17"/>
      <c r="I57" s="13">
        <v>15618</v>
      </c>
      <c r="J57" s="19">
        <v>4374</v>
      </c>
      <c r="K57" s="19">
        <v>11244</v>
      </c>
    </row>
    <row r="58" spans="1:11" ht="15" customHeight="1">
      <c r="A58" s="17" t="s">
        <v>113</v>
      </c>
      <c r="B58" s="17"/>
      <c r="C58" s="13">
        <v>141904</v>
      </c>
      <c r="D58" s="19">
        <v>72782</v>
      </c>
      <c r="E58" s="19">
        <v>69122</v>
      </c>
      <c r="F58" s="19"/>
      <c r="G58" s="18" t="s">
        <v>114</v>
      </c>
      <c r="H58" s="17"/>
      <c r="I58" s="13">
        <v>13022</v>
      </c>
      <c r="J58" s="19">
        <v>3245</v>
      </c>
      <c r="K58" s="19">
        <v>9777</v>
      </c>
    </row>
    <row r="59" spans="1:11" ht="20.100000000000001" customHeight="1">
      <c r="A59" s="17" t="s">
        <v>115</v>
      </c>
      <c r="B59" s="17"/>
      <c r="C59" s="13">
        <v>783639</v>
      </c>
      <c r="D59" s="14">
        <v>400483</v>
      </c>
      <c r="E59" s="14">
        <v>383156</v>
      </c>
      <c r="F59" s="14"/>
      <c r="G59" s="18" t="s">
        <v>116</v>
      </c>
      <c r="H59" s="17"/>
      <c r="I59" s="13">
        <v>26895</v>
      </c>
      <c r="J59" s="14">
        <v>5362</v>
      </c>
      <c r="K59" s="14">
        <v>21533</v>
      </c>
    </row>
    <row r="60" spans="1:11" ht="15" customHeight="1">
      <c r="A60" s="17" t="s">
        <v>117</v>
      </c>
      <c r="B60" s="17"/>
      <c r="C60" s="13">
        <v>153020</v>
      </c>
      <c r="D60" s="19">
        <v>78563</v>
      </c>
      <c r="E60" s="19">
        <v>74457</v>
      </c>
      <c r="F60" s="19"/>
      <c r="G60" s="18" t="s">
        <v>118</v>
      </c>
      <c r="H60" s="17"/>
      <c r="I60" s="13">
        <v>9135</v>
      </c>
      <c r="J60" s="19">
        <v>1988</v>
      </c>
      <c r="K60" s="19">
        <v>7147</v>
      </c>
    </row>
    <row r="61" spans="1:11" ht="15" customHeight="1">
      <c r="A61" s="17" t="s">
        <v>119</v>
      </c>
      <c r="B61" s="17"/>
      <c r="C61" s="13">
        <v>159745</v>
      </c>
      <c r="D61" s="19">
        <v>81623</v>
      </c>
      <c r="E61" s="19">
        <v>78122</v>
      </c>
      <c r="F61" s="19"/>
      <c r="G61" s="18" t="s">
        <v>120</v>
      </c>
      <c r="H61" s="17"/>
      <c r="I61" s="13">
        <v>6952</v>
      </c>
      <c r="J61" s="19">
        <v>1493</v>
      </c>
      <c r="K61" s="19">
        <v>5459</v>
      </c>
    </row>
    <row r="62" spans="1:11" ht="15" customHeight="1">
      <c r="A62" s="17" t="s">
        <v>121</v>
      </c>
      <c r="B62" s="17"/>
      <c r="C62" s="13">
        <v>158311</v>
      </c>
      <c r="D62" s="19">
        <v>80727</v>
      </c>
      <c r="E62" s="19">
        <v>77584</v>
      </c>
      <c r="F62" s="19"/>
      <c r="G62" s="18" t="s">
        <v>122</v>
      </c>
      <c r="H62" s="17"/>
      <c r="I62" s="13">
        <v>4813</v>
      </c>
      <c r="J62" s="19">
        <v>911</v>
      </c>
      <c r="K62" s="19">
        <v>3902</v>
      </c>
    </row>
    <row r="63" spans="1:11" ht="15" customHeight="1">
      <c r="A63" s="17" t="s">
        <v>123</v>
      </c>
      <c r="B63" s="17"/>
      <c r="C63" s="13">
        <v>157100</v>
      </c>
      <c r="D63" s="19">
        <v>79856</v>
      </c>
      <c r="E63" s="19">
        <v>77244</v>
      </c>
      <c r="F63" s="19"/>
      <c r="G63" s="18" t="s">
        <v>124</v>
      </c>
      <c r="H63" s="17"/>
      <c r="I63" s="13">
        <v>3533</v>
      </c>
      <c r="J63" s="19">
        <v>563</v>
      </c>
      <c r="K63" s="19">
        <v>2970</v>
      </c>
    </row>
    <row r="64" spans="1:11" ht="15" customHeight="1">
      <c r="A64" s="17" t="s">
        <v>125</v>
      </c>
      <c r="B64" s="17"/>
      <c r="C64" s="13">
        <v>155463</v>
      </c>
      <c r="D64" s="19">
        <v>79714</v>
      </c>
      <c r="E64" s="19">
        <v>75749</v>
      </c>
      <c r="F64" s="19"/>
      <c r="G64" s="18" t="s">
        <v>126</v>
      </c>
      <c r="H64" s="17"/>
      <c r="I64" s="13">
        <v>2462</v>
      </c>
      <c r="J64" s="19">
        <v>407</v>
      </c>
      <c r="K64" s="19">
        <v>205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777</v>
      </c>
      <c r="J65" s="19">
        <v>707</v>
      </c>
      <c r="K65" s="19">
        <v>407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2926</v>
      </c>
      <c r="J66" s="29">
        <v>49370</v>
      </c>
      <c r="K66" s="29">
        <v>33556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1" pageOrder="overThenDown" orientation="portrait" blackAndWhite="1" useFirstPageNumber="1" horizontalDpi="300" verticalDpi="300" r:id="rId1"/>
  <headerFooter scaleWithDoc="0" alignWithMargins="0">
    <oddFooter>&amp;C&amp;"+,太字"-&amp;P--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8054</v>
      </c>
      <c r="D4" s="14">
        <v>96991</v>
      </c>
      <c r="E4" s="14">
        <v>10106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326</v>
      </c>
      <c r="D5" s="14">
        <v>3225</v>
      </c>
      <c r="E5" s="14">
        <v>3101</v>
      </c>
      <c r="F5" s="14"/>
      <c r="G5" s="18" t="s">
        <v>8</v>
      </c>
      <c r="H5" s="17"/>
      <c r="I5" s="13">
        <v>14541</v>
      </c>
      <c r="J5" s="14">
        <v>7316</v>
      </c>
      <c r="K5" s="14">
        <v>7225</v>
      </c>
    </row>
    <row r="6" spans="1:11" ht="15" customHeight="1">
      <c r="A6" s="17" t="s">
        <v>9</v>
      </c>
      <c r="B6" s="17"/>
      <c r="C6" s="13">
        <v>1137</v>
      </c>
      <c r="D6" s="19">
        <v>603</v>
      </c>
      <c r="E6" s="19">
        <v>534</v>
      </c>
      <c r="F6" s="19"/>
      <c r="G6" s="18" t="s">
        <v>10</v>
      </c>
      <c r="H6" s="17"/>
      <c r="I6" s="13">
        <v>3084</v>
      </c>
      <c r="J6" s="19">
        <v>1568</v>
      </c>
      <c r="K6" s="19">
        <v>1516</v>
      </c>
    </row>
    <row r="7" spans="1:11" ht="15" customHeight="1">
      <c r="A7" s="17" t="s">
        <v>11</v>
      </c>
      <c r="B7" s="17"/>
      <c r="C7" s="13">
        <v>1204</v>
      </c>
      <c r="D7" s="19">
        <v>591</v>
      </c>
      <c r="E7" s="19">
        <v>613</v>
      </c>
      <c r="F7" s="19"/>
      <c r="G7" s="18" t="s">
        <v>12</v>
      </c>
      <c r="H7" s="17"/>
      <c r="I7" s="13">
        <v>3021</v>
      </c>
      <c r="J7" s="19">
        <v>1501</v>
      </c>
      <c r="K7" s="19">
        <v>1520</v>
      </c>
    </row>
    <row r="8" spans="1:11" ht="15" customHeight="1">
      <c r="A8" s="17" t="s">
        <v>13</v>
      </c>
      <c r="B8" s="17"/>
      <c r="C8" s="13">
        <v>1296</v>
      </c>
      <c r="D8" s="19">
        <v>653</v>
      </c>
      <c r="E8" s="19">
        <v>643</v>
      </c>
      <c r="F8" s="19"/>
      <c r="G8" s="18" t="s">
        <v>14</v>
      </c>
      <c r="H8" s="17"/>
      <c r="I8" s="13">
        <v>3166</v>
      </c>
      <c r="J8" s="19">
        <v>1578</v>
      </c>
      <c r="K8" s="19">
        <v>1588</v>
      </c>
    </row>
    <row r="9" spans="1:11" ht="15" customHeight="1">
      <c r="A9" s="17" t="s">
        <v>15</v>
      </c>
      <c r="B9" s="17"/>
      <c r="C9" s="13">
        <v>1331</v>
      </c>
      <c r="D9" s="19">
        <v>675</v>
      </c>
      <c r="E9" s="19">
        <v>656</v>
      </c>
      <c r="F9" s="19"/>
      <c r="G9" s="18" t="s">
        <v>16</v>
      </c>
      <c r="H9" s="17"/>
      <c r="I9" s="13">
        <v>2299</v>
      </c>
      <c r="J9" s="19">
        <v>1146</v>
      </c>
      <c r="K9" s="19">
        <v>1153</v>
      </c>
    </row>
    <row r="10" spans="1:11" ht="15" customHeight="1">
      <c r="A10" s="17" t="s">
        <v>17</v>
      </c>
      <c r="B10" s="17"/>
      <c r="C10" s="13">
        <v>1358</v>
      </c>
      <c r="D10" s="19">
        <v>703</v>
      </c>
      <c r="E10" s="19">
        <v>655</v>
      </c>
      <c r="F10" s="19"/>
      <c r="G10" s="18" t="s">
        <v>18</v>
      </c>
      <c r="H10" s="17"/>
      <c r="I10" s="13">
        <v>2971</v>
      </c>
      <c r="J10" s="19">
        <v>1523</v>
      </c>
      <c r="K10" s="19">
        <v>1448</v>
      </c>
    </row>
    <row r="11" spans="1:11" ht="20.100000000000001" customHeight="1">
      <c r="A11" s="17" t="s">
        <v>19</v>
      </c>
      <c r="B11" s="17"/>
      <c r="C11" s="13">
        <v>7308</v>
      </c>
      <c r="D11" s="14">
        <v>3700</v>
      </c>
      <c r="E11" s="14">
        <v>3608</v>
      </c>
      <c r="F11" s="14"/>
      <c r="G11" s="18" t="s">
        <v>20</v>
      </c>
      <c r="H11" s="17"/>
      <c r="I11" s="13">
        <v>12851</v>
      </c>
      <c r="J11" s="14">
        <v>6345</v>
      </c>
      <c r="K11" s="14">
        <v>6506</v>
      </c>
    </row>
    <row r="12" spans="1:11" ht="15" customHeight="1">
      <c r="A12" s="17" t="s">
        <v>21</v>
      </c>
      <c r="B12" s="17"/>
      <c r="C12" s="13">
        <v>1432</v>
      </c>
      <c r="D12" s="19">
        <v>726</v>
      </c>
      <c r="E12" s="19">
        <v>706</v>
      </c>
      <c r="F12" s="19"/>
      <c r="G12" s="18" t="s">
        <v>22</v>
      </c>
      <c r="H12" s="17"/>
      <c r="I12" s="13">
        <v>2771</v>
      </c>
      <c r="J12" s="19">
        <v>1359</v>
      </c>
      <c r="K12" s="19">
        <v>1412</v>
      </c>
    </row>
    <row r="13" spans="1:11" ht="15" customHeight="1">
      <c r="A13" s="17" t="s">
        <v>23</v>
      </c>
      <c r="B13" s="17"/>
      <c r="C13" s="13">
        <v>1390</v>
      </c>
      <c r="D13" s="19">
        <v>698</v>
      </c>
      <c r="E13" s="19">
        <v>692</v>
      </c>
      <c r="F13" s="19"/>
      <c r="G13" s="18" t="s">
        <v>24</v>
      </c>
      <c r="H13" s="17"/>
      <c r="I13" s="13">
        <v>2591</v>
      </c>
      <c r="J13" s="19">
        <v>1286</v>
      </c>
      <c r="K13" s="19">
        <v>1305</v>
      </c>
    </row>
    <row r="14" spans="1:11" ht="15" customHeight="1">
      <c r="A14" s="17" t="s">
        <v>25</v>
      </c>
      <c r="B14" s="17"/>
      <c r="C14" s="13">
        <v>1422</v>
      </c>
      <c r="D14" s="19">
        <v>717</v>
      </c>
      <c r="E14" s="19">
        <v>705</v>
      </c>
      <c r="F14" s="19"/>
      <c r="G14" s="18" t="s">
        <v>26</v>
      </c>
      <c r="H14" s="17"/>
      <c r="I14" s="13">
        <v>2607</v>
      </c>
      <c r="J14" s="19">
        <v>1290</v>
      </c>
      <c r="K14" s="19">
        <v>1317</v>
      </c>
    </row>
    <row r="15" spans="1:11" ht="15" customHeight="1">
      <c r="A15" s="17" t="s">
        <v>27</v>
      </c>
      <c r="B15" s="17"/>
      <c r="C15" s="13">
        <v>1550</v>
      </c>
      <c r="D15" s="19">
        <v>802</v>
      </c>
      <c r="E15" s="19">
        <v>748</v>
      </c>
      <c r="F15" s="19"/>
      <c r="G15" s="18" t="s">
        <v>28</v>
      </c>
      <c r="H15" s="17"/>
      <c r="I15" s="13">
        <v>2509</v>
      </c>
      <c r="J15" s="19">
        <v>1269</v>
      </c>
      <c r="K15" s="19">
        <v>1240</v>
      </c>
    </row>
    <row r="16" spans="1:11" ht="15" customHeight="1">
      <c r="A16" s="17" t="s">
        <v>29</v>
      </c>
      <c r="B16" s="17"/>
      <c r="C16" s="13">
        <v>1514</v>
      </c>
      <c r="D16" s="19">
        <v>757</v>
      </c>
      <c r="E16" s="19">
        <v>757</v>
      </c>
      <c r="F16" s="19"/>
      <c r="G16" s="18" t="s">
        <v>30</v>
      </c>
      <c r="H16" s="17"/>
      <c r="I16" s="13">
        <v>2373</v>
      </c>
      <c r="J16" s="19">
        <v>1141</v>
      </c>
      <c r="K16" s="19">
        <v>1232</v>
      </c>
    </row>
    <row r="17" spans="1:11" ht="20.100000000000001" customHeight="1">
      <c r="A17" s="20" t="s">
        <v>31</v>
      </c>
      <c r="B17" s="20"/>
      <c r="C17" s="13">
        <v>8294</v>
      </c>
      <c r="D17" s="14">
        <v>4220</v>
      </c>
      <c r="E17" s="14">
        <v>4074</v>
      </c>
      <c r="F17" s="14"/>
      <c r="G17" s="18" t="s">
        <v>32</v>
      </c>
      <c r="H17" s="17"/>
      <c r="I17" s="13">
        <v>11810</v>
      </c>
      <c r="J17" s="14">
        <v>5776</v>
      </c>
      <c r="K17" s="14">
        <v>6034</v>
      </c>
    </row>
    <row r="18" spans="1:11" ht="15" customHeight="1">
      <c r="A18" s="17" t="s">
        <v>33</v>
      </c>
      <c r="B18" s="17"/>
      <c r="C18" s="13">
        <v>1593</v>
      </c>
      <c r="D18" s="19">
        <v>809</v>
      </c>
      <c r="E18" s="19">
        <v>784</v>
      </c>
      <c r="F18" s="19"/>
      <c r="G18" s="18" t="s">
        <v>34</v>
      </c>
      <c r="H18" s="17"/>
      <c r="I18" s="13">
        <v>2380</v>
      </c>
      <c r="J18" s="19">
        <v>1229</v>
      </c>
      <c r="K18" s="19">
        <v>1151</v>
      </c>
    </row>
    <row r="19" spans="1:11" ht="15" customHeight="1">
      <c r="A19" s="17" t="s">
        <v>35</v>
      </c>
      <c r="B19" s="17"/>
      <c r="C19" s="13">
        <v>1683</v>
      </c>
      <c r="D19" s="19">
        <v>868</v>
      </c>
      <c r="E19" s="19">
        <v>815</v>
      </c>
      <c r="F19" s="19"/>
      <c r="G19" s="18" t="s">
        <v>36</v>
      </c>
      <c r="H19" s="17"/>
      <c r="I19" s="13">
        <v>2319</v>
      </c>
      <c r="J19" s="19">
        <v>1122</v>
      </c>
      <c r="K19" s="19">
        <v>1197</v>
      </c>
    </row>
    <row r="20" spans="1:11" ht="15" customHeight="1">
      <c r="A20" s="17" t="s">
        <v>37</v>
      </c>
      <c r="B20" s="17"/>
      <c r="C20" s="13">
        <v>1639</v>
      </c>
      <c r="D20" s="19">
        <v>844</v>
      </c>
      <c r="E20" s="19">
        <v>795</v>
      </c>
      <c r="F20" s="19"/>
      <c r="G20" s="18" t="s">
        <v>38</v>
      </c>
      <c r="H20" s="17"/>
      <c r="I20" s="13">
        <v>2285</v>
      </c>
      <c r="J20" s="19">
        <v>1114</v>
      </c>
      <c r="K20" s="19">
        <v>1171</v>
      </c>
    </row>
    <row r="21" spans="1:11" ht="15" customHeight="1">
      <c r="A21" s="17" t="s">
        <v>39</v>
      </c>
      <c r="B21" s="17"/>
      <c r="C21" s="13">
        <v>1778</v>
      </c>
      <c r="D21" s="19">
        <v>895</v>
      </c>
      <c r="E21" s="19">
        <v>883</v>
      </c>
      <c r="F21" s="19"/>
      <c r="G21" s="18" t="s">
        <v>40</v>
      </c>
      <c r="H21" s="17"/>
      <c r="I21" s="13">
        <v>2304</v>
      </c>
      <c r="J21" s="19">
        <v>1117</v>
      </c>
      <c r="K21" s="19">
        <v>1187</v>
      </c>
    </row>
    <row r="22" spans="1:11" ht="15" customHeight="1">
      <c r="A22" s="17" t="s">
        <v>41</v>
      </c>
      <c r="B22" s="17"/>
      <c r="C22" s="13">
        <v>1601</v>
      </c>
      <c r="D22" s="19">
        <v>804</v>
      </c>
      <c r="E22" s="19">
        <v>797</v>
      </c>
      <c r="F22" s="19"/>
      <c r="G22" s="18" t="s">
        <v>42</v>
      </c>
      <c r="H22" s="17"/>
      <c r="I22" s="13">
        <v>2522</v>
      </c>
      <c r="J22" s="19">
        <v>1194</v>
      </c>
      <c r="K22" s="19">
        <v>1328</v>
      </c>
    </row>
    <row r="23" spans="1:11" ht="20.100000000000001" customHeight="1">
      <c r="A23" s="17" t="s">
        <v>43</v>
      </c>
      <c r="B23" s="17"/>
      <c r="C23" s="13">
        <v>9217</v>
      </c>
      <c r="D23" s="14">
        <v>4789</v>
      </c>
      <c r="E23" s="14">
        <v>4428</v>
      </c>
      <c r="F23" s="14"/>
      <c r="G23" s="18" t="s">
        <v>44</v>
      </c>
      <c r="H23" s="17"/>
      <c r="I23" s="13">
        <v>13902</v>
      </c>
      <c r="J23" s="14">
        <v>6693</v>
      </c>
      <c r="K23" s="14">
        <v>7209</v>
      </c>
    </row>
    <row r="24" spans="1:11" ht="15" customHeight="1">
      <c r="A24" s="17" t="s">
        <v>45</v>
      </c>
      <c r="B24" s="17"/>
      <c r="C24" s="13">
        <v>1727</v>
      </c>
      <c r="D24" s="19">
        <v>914</v>
      </c>
      <c r="E24" s="19">
        <v>813</v>
      </c>
      <c r="F24" s="19"/>
      <c r="G24" s="18" t="s">
        <v>46</v>
      </c>
      <c r="H24" s="17"/>
      <c r="I24" s="13">
        <v>2407</v>
      </c>
      <c r="J24" s="19">
        <v>1207</v>
      </c>
      <c r="K24" s="19">
        <v>1200</v>
      </c>
    </row>
    <row r="25" spans="1:11" ht="15" customHeight="1">
      <c r="A25" s="17" t="s">
        <v>47</v>
      </c>
      <c r="B25" s="17"/>
      <c r="C25" s="13">
        <v>1833</v>
      </c>
      <c r="D25" s="19">
        <v>924</v>
      </c>
      <c r="E25" s="19">
        <v>909</v>
      </c>
      <c r="F25" s="19"/>
      <c r="G25" s="18" t="s">
        <v>48</v>
      </c>
      <c r="H25" s="17"/>
      <c r="I25" s="13">
        <v>2571</v>
      </c>
      <c r="J25" s="19">
        <v>1213</v>
      </c>
      <c r="K25" s="19">
        <v>1358</v>
      </c>
    </row>
    <row r="26" spans="1:11" ht="15" customHeight="1">
      <c r="A26" s="17" t="s">
        <v>49</v>
      </c>
      <c r="B26" s="17"/>
      <c r="C26" s="13">
        <v>1835</v>
      </c>
      <c r="D26" s="19">
        <v>920</v>
      </c>
      <c r="E26" s="19">
        <v>915</v>
      </c>
      <c r="F26" s="19"/>
      <c r="G26" s="18" t="s">
        <v>50</v>
      </c>
      <c r="H26" s="17"/>
      <c r="I26" s="13">
        <v>2751</v>
      </c>
      <c r="J26" s="19">
        <v>1312</v>
      </c>
      <c r="K26" s="19">
        <v>1439</v>
      </c>
    </row>
    <row r="27" spans="1:11" ht="15" customHeight="1">
      <c r="A27" s="17" t="s">
        <v>51</v>
      </c>
      <c r="B27" s="17"/>
      <c r="C27" s="13">
        <v>1772</v>
      </c>
      <c r="D27" s="19">
        <v>912</v>
      </c>
      <c r="E27" s="19">
        <v>860</v>
      </c>
      <c r="F27" s="19"/>
      <c r="G27" s="18" t="s">
        <v>52</v>
      </c>
      <c r="H27" s="17"/>
      <c r="I27" s="13">
        <v>2982</v>
      </c>
      <c r="J27" s="19">
        <v>1450</v>
      </c>
      <c r="K27" s="19">
        <v>1532</v>
      </c>
    </row>
    <row r="28" spans="1:11" ht="15" customHeight="1">
      <c r="A28" s="17" t="s">
        <v>53</v>
      </c>
      <c r="B28" s="17"/>
      <c r="C28" s="13">
        <v>2050</v>
      </c>
      <c r="D28" s="19">
        <v>1119</v>
      </c>
      <c r="E28" s="19">
        <v>931</v>
      </c>
      <c r="F28" s="19"/>
      <c r="G28" s="18" t="s">
        <v>54</v>
      </c>
      <c r="H28" s="17"/>
      <c r="I28" s="13">
        <v>3191</v>
      </c>
      <c r="J28" s="19">
        <v>1511</v>
      </c>
      <c r="K28" s="19">
        <v>1680</v>
      </c>
    </row>
    <row r="29" spans="1:11" ht="20.100000000000001" customHeight="1">
      <c r="A29" s="17" t="s">
        <v>55</v>
      </c>
      <c r="B29" s="17"/>
      <c r="C29" s="13">
        <v>11275</v>
      </c>
      <c r="D29" s="14">
        <v>5977</v>
      </c>
      <c r="E29" s="14">
        <v>5298</v>
      </c>
      <c r="F29" s="14"/>
      <c r="G29" s="18" t="s">
        <v>56</v>
      </c>
      <c r="H29" s="17"/>
      <c r="I29" s="13">
        <v>15001</v>
      </c>
      <c r="J29" s="14">
        <v>7110</v>
      </c>
      <c r="K29" s="14">
        <v>7891</v>
      </c>
    </row>
    <row r="30" spans="1:11" ht="15" customHeight="1">
      <c r="A30" s="17" t="s">
        <v>57</v>
      </c>
      <c r="B30" s="17"/>
      <c r="C30" s="13">
        <v>2148</v>
      </c>
      <c r="D30" s="19">
        <v>1174</v>
      </c>
      <c r="E30" s="19">
        <v>974</v>
      </c>
      <c r="F30" s="19"/>
      <c r="G30" s="18" t="s">
        <v>58</v>
      </c>
      <c r="H30" s="17"/>
      <c r="I30" s="13">
        <v>3598</v>
      </c>
      <c r="J30" s="19">
        <v>1748</v>
      </c>
      <c r="K30" s="19">
        <v>1850</v>
      </c>
    </row>
    <row r="31" spans="1:11" ht="15" customHeight="1">
      <c r="A31" s="17" t="s">
        <v>59</v>
      </c>
      <c r="B31" s="17"/>
      <c r="C31" s="13">
        <v>2203</v>
      </c>
      <c r="D31" s="19">
        <v>1201</v>
      </c>
      <c r="E31" s="19">
        <v>1002</v>
      </c>
      <c r="F31" s="19"/>
      <c r="G31" s="18" t="s">
        <v>60</v>
      </c>
      <c r="H31" s="17"/>
      <c r="I31" s="13">
        <v>3463</v>
      </c>
      <c r="J31" s="19">
        <v>1638</v>
      </c>
      <c r="K31" s="19">
        <v>1825</v>
      </c>
    </row>
    <row r="32" spans="1:11" ht="15" customHeight="1">
      <c r="A32" s="17" t="s">
        <v>61</v>
      </c>
      <c r="B32" s="17"/>
      <c r="C32" s="13">
        <v>2205</v>
      </c>
      <c r="D32" s="19">
        <v>1149</v>
      </c>
      <c r="E32" s="19">
        <v>1056</v>
      </c>
      <c r="F32" s="19"/>
      <c r="G32" s="18" t="s">
        <v>62</v>
      </c>
      <c r="H32" s="17"/>
      <c r="I32" s="13">
        <v>3521</v>
      </c>
      <c r="J32" s="19">
        <v>1621</v>
      </c>
      <c r="K32" s="19">
        <v>1900</v>
      </c>
    </row>
    <row r="33" spans="1:11" ht="15" customHeight="1">
      <c r="A33" s="17" t="s">
        <v>63</v>
      </c>
      <c r="B33" s="17"/>
      <c r="C33" s="13">
        <v>2324</v>
      </c>
      <c r="D33" s="19">
        <v>1212</v>
      </c>
      <c r="E33" s="19">
        <v>1112</v>
      </c>
      <c r="F33" s="19"/>
      <c r="G33" s="18" t="s">
        <v>64</v>
      </c>
      <c r="H33" s="17"/>
      <c r="I33" s="13">
        <v>2279</v>
      </c>
      <c r="J33" s="19">
        <v>1077</v>
      </c>
      <c r="K33" s="19">
        <v>1202</v>
      </c>
    </row>
    <row r="34" spans="1:11" ht="15" customHeight="1">
      <c r="A34" s="17" t="s">
        <v>65</v>
      </c>
      <c r="B34" s="17"/>
      <c r="C34" s="13">
        <v>2395</v>
      </c>
      <c r="D34" s="19">
        <v>1241</v>
      </c>
      <c r="E34" s="19">
        <v>1154</v>
      </c>
      <c r="F34" s="19"/>
      <c r="G34" s="18" t="s">
        <v>66</v>
      </c>
      <c r="H34" s="17"/>
      <c r="I34" s="13">
        <v>2140</v>
      </c>
      <c r="J34" s="19">
        <v>1026</v>
      </c>
      <c r="K34" s="19">
        <v>1114</v>
      </c>
    </row>
    <row r="35" spans="1:11" ht="20.100000000000001" customHeight="1">
      <c r="A35" s="17" t="s">
        <v>67</v>
      </c>
      <c r="B35" s="17"/>
      <c r="C35" s="13">
        <v>8945</v>
      </c>
      <c r="D35" s="14">
        <v>4689</v>
      </c>
      <c r="E35" s="14">
        <v>4256</v>
      </c>
      <c r="F35" s="14"/>
      <c r="G35" s="18" t="s">
        <v>68</v>
      </c>
      <c r="H35" s="17"/>
      <c r="I35" s="13">
        <v>12360</v>
      </c>
      <c r="J35" s="14">
        <v>5645</v>
      </c>
      <c r="K35" s="14">
        <v>6715</v>
      </c>
    </row>
    <row r="36" spans="1:11" ht="15" customHeight="1">
      <c r="A36" s="17" t="s">
        <v>69</v>
      </c>
      <c r="B36" s="17"/>
      <c r="C36" s="13">
        <v>2163</v>
      </c>
      <c r="D36" s="19">
        <v>1130</v>
      </c>
      <c r="E36" s="19">
        <v>1033</v>
      </c>
      <c r="F36" s="19"/>
      <c r="G36" s="18" t="s">
        <v>70</v>
      </c>
      <c r="H36" s="17"/>
      <c r="I36" s="13">
        <v>2528</v>
      </c>
      <c r="J36" s="19">
        <v>1167</v>
      </c>
      <c r="K36" s="19">
        <v>1361</v>
      </c>
    </row>
    <row r="37" spans="1:11" ht="15" customHeight="1">
      <c r="A37" s="17" t="s">
        <v>71</v>
      </c>
      <c r="B37" s="17"/>
      <c r="C37" s="13">
        <v>1956</v>
      </c>
      <c r="D37" s="19">
        <v>1035</v>
      </c>
      <c r="E37" s="19">
        <v>921</v>
      </c>
      <c r="F37" s="19"/>
      <c r="G37" s="18" t="s">
        <v>72</v>
      </c>
      <c r="H37" s="17"/>
      <c r="I37" s="13">
        <v>2705</v>
      </c>
      <c r="J37" s="19">
        <v>1265</v>
      </c>
      <c r="K37" s="19">
        <v>1440</v>
      </c>
    </row>
    <row r="38" spans="1:11" ht="15" customHeight="1">
      <c r="A38" s="17" t="s">
        <v>73</v>
      </c>
      <c r="B38" s="17"/>
      <c r="C38" s="13">
        <v>1643</v>
      </c>
      <c r="D38" s="19">
        <v>855</v>
      </c>
      <c r="E38" s="19">
        <v>788</v>
      </c>
      <c r="F38" s="19"/>
      <c r="G38" s="18" t="s">
        <v>74</v>
      </c>
      <c r="H38" s="17"/>
      <c r="I38" s="13">
        <v>2520</v>
      </c>
      <c r="J38" s="19">
        <v>1196</v>
      </c>
      <c r="K38" s="19">
        <v>1324</v>
      </c>
    </row>
    <row r="39" spans="1:11" ht="15" customHeight="1">
      <c r="A39" s="17" t="s">
        <v>75</v>
      </c>
      <c r="B39" s="17"/>
      <c r="C39" s="13">
        <v>1595</v>
      </c>
      <c r="D39" s="19">
        <v>822</v>
      </c>
      <c r="E39" s="19">
        <v>773</v>
      </c>
      <c r="F39" s="19"/>
      <c r="G39" s="18" t="s">
        <v>76</v>
      </c>
      <c r="H39" s="17"/>
      <c r="I39" s="13">
        <v>2456</v>
      </c>
      <c r="J39" s="19">
        <v>1076</v>
      </c>
      <c r="K39" s="19">
        <v>1380</v>
      </c>
    </row>
    <row r="40" spans="1:11" ht="15" customHeight="1">
      <c r="A40" s="17" t="s">
        <v>77</v>
      </c>
      <c r="B40" s="17"/>
      <c r="C40" s="13">
        <v>1588</v>
      </c>
      <c r="D40" s="19">
        <v>847</v>
      </c>
      <c r="E40" s="19">
        <v>741</v>
      </c>
      <c r="F40" s="19"/>
      <c r="G40" s="18" t="s">
        <v>78</v>
      </c>
      <c r="H40" s="17"/>
      <c r="I40" s="13">
        <v>2151</v>
      </c>
      <c r="J40" s="19">
        <v>941</v>
      </c>
      <c r="K40" s="19">
        <v>1210</v>
      </c>
    </row>
    <row r="41" spans="1:11" ht="20.100000000000001" customHeight="1">
      <c r="A41" s="17" t="s">
        <v>79</v>
      </c>
      <c r="B41" s="17"/>
      <c r="C41" s="13">
        <v>8775</v>
      </c>
      <c r="D41" s="14">
        <v>4556</v>
      </c>
      <c r="E41" s="14">
        <v>4219</v>
      </c>
      <c r="F41" s="14"/>
      <c r="G41" s="18" t="s">
        <v>80</v>
      </c>
      <c r="H41" s="17"/>
      <c r="I41" s="13">
        <v>8657</v>
      </c>
      <c r="J41" s="14">
        <v>3849</v>
      </c>
      <c r="K41" s="14">
        <v>4808</v>
      </c>
    </row>
    <row r="42" spans="1:11" ht="15" customHeight="1">
      <c r="A42" s="17" t="s">
        <v>81</v>
      </c>
      <c r="B42" s="17"/>
      <c r="C42" s="13">
        <v>1573</v>
      </c>
      <c r="D42" s="19">
        <v>781</v>
      </c>
      <c r="E42" s="19">
        <v>792</v>
      </c>
      <c r="F42" s="19"/>
      <c r="G42" s="18" t="s">
        <v>82</v>
      </c>
      <c r="H42" s="17"/>
      <c r="I42" s="13">
        <v>1889</v>
      </c>
      <c r="J42" s="19">
        <v>861</v>
      </c>
      <c r="K42" s="19">
        <v>1028</v>
      </c>
    </row>
    <row r="43" spans="1:11" ht="15" customHeight="1">
      <c r="A43" s="17" t="s">
        <v>83</v>
      </c>
      <c r="B43" s="17"/>
      <c r="C43" s="13">
        <v>1783</v>
      </c>
      <c r="D43" s="19">
        <v>934</v>
      </c>
      <c r="E43" s="19">
        <v>849</v>
      </c>
      <c r="F43" s="19"/>
      <c r="G43" s="18" t="s">
        <v>84</v>
      </c>
      <c r="H43" s="17"/>
      <c r="I43" s="13">
        <v>1696</v>
      </c>
      <c r="J43" s="19">
        <v>770</v>
      </c>
      <c r="K43" s="19">
        <v>926</v>
      </c>
    </row>
    <row r="44" spans="1:11" ht="15" customHeight="1">
      <c r="A44" s="17" t="s">
        <v>85</v>
      </c>
      <c r="B44" s="17"/>
      <c r="C44" s="13">
        <v>1757</v>
      </c>
      <c r="D44" s="19">
        <v>911</v>
      </c>
      <c r="E44" s="19">
        <v>846</v>
      </c>
      <c r="F44" s="19"/>
      <c r="G44" s="18" t="s">
        <v>86</v>
      </c>
      <c r="H44" s="17"/>
      <c r="I44" s="13">
        <v>1797</v>
      </c>
      <c r="J44" s="19">
        <v>773</v>
      </c>
      <c r="K44" s="19">
        <v>1024</v>
      </c>
    </row>
    <row r="45" spans="1:11" ht="15" customHeight="1">
      <c r="A45" s="17" t="s">
        <v>87</v>
      </c>
      <c r="B45" s="17"/>
      <c r="C45" s="13">
        <v>1782</v>
      </c>
      <c r="D45" s="19">
        <v>923</v>
      </c>
      <c r="E45" s="19">
        <v>859</v>
      </c>
      <c r="F45" s="19"/>
      <c r="G45" s="18" t="s">
        <v>88</v>
      </c>
      <c r="H45" s="17"/>
      <c r="I45" s="13">
        <v>1674</v>
      </c>
      <c r="J45" s="19">
        <v>754</v>
      </c>
      <c r="K45" s="19">
        <v>920</v>
      </c>
    </row>
    <row r="46" spans="1:11" ht="15" customHeight="1">
      <c r="A46" s="17" t="s">
        <v>89</v>
      </c>
      <c r="B46" s="17"/>
      <c r="C46" s="13">
        <v>1880</v>
      </c>
      <c r="D46" s="19">
        <v>1007</v>
      </c>
      <c r="E46" s="19">
        <v>873</v>
      </c>
      <c r="F46" s="19"/>
      <c r="G46" s="18" t="s">
        <v>90</v>
      </c>
      <c r="H46" s="17"/>
      <c r="I46" s="13">
        <v>1601</v>
      </c>
      <c r="J46" s="19">
        <v>691</v>
      </c>
      <c r="K46" s="19">
        <v>910</v>
      </c>
    </row>
    <row r="47" spans="1:11" ht="20.100000000000001" customHeight="1">
      <c r="A47" s="17" t="s">
        <v>91</v>
      </c>
      <c r="B47" s="17"/>
      <c r="C47" s="13">
        <v>10710</v>
      </c>
      <c r="D47" s="14">
        <v>5365</v>
      </c>
      <c r="E47" s="14">
        <v>5345</v>
      </c>
      <c r="F47" s="14"/>
      <c r="G47" s="18" t="s">
        <v>92</v>
      </c>
      <c r="H47" s="17"/>
      <c r="I47" s="13">
        <v>5284</v>
      </c>
      <c r="J47" s="14">
        <v>1992</v>
      </c>
      <c r="K47" s="14">
        <v>3292</v>
      </c>
    </row>
    <row r="48" spans="1:11" ht="15" customHeight="1">
      <c r="A48" s="17" t="s">
        <v>93</v>
      </c>
      <c r="B48" s="17"/>
      <c r="C48" s="13">
        <v>1993</v>
      </c>
      <c r="D48" s="19">
        <v>987</v>
      </c>
      <c r="E48" s="19">
        <v>1006</v>
      </c>
      <c r="F48" s="19"/>
      <c r="G48" s="18" t="s">
        <v>94</v>
      </c>
      <c r="H48" s="17"/>
      <c r="I48" s="13">
        <v>1294</v>
      </c>
      <c r="J48" s="19">
        <v>519</v>
      </c>
      <c r="K48" s="19">
        <v>775</v>
      </c>
    </row>
    <row r="49" spans="1:11" ht="15" customHeight="1">
      <c r="A49" s="17" t="s">
        <v>95</v>
      </c>
      <c r="B49" s="17"/>
      <c r="C49" s="13">
        <v>2149</v>
      </c>
      <c r="D49" s="19">
        <v>1061</v>
      </c>
      <c r="E49" s="19">
        <v>1088</v>
      </c>
      <c r="F49" s="19"/>
      <c r="G49" s="18" t="s">
        <v>96</v>
      </c>
      <c r="H49" s="17"/>
      <c r="I49" s="13">
        <v>1260</v>
      </c>
      <c r="J49" s="19">
        <v>500</v>
      </c>
      <c r="K49" s="19">
        <v>760</v>
      </c>
    </row>
    <row r="50" spans="1:11" ht="15" customHeight="1">
      <c r="A50" s="17" t="s">
        <v>97</v>
      </c>
      <c r="B50" s="17"/>
      <c r="C50" s="13">
        <v>2078</v>
      </c>
      <c r="D50" s="19">
        <v>1066</v>
      </c>
      <c r="E50" s="19">
        <v>1012</v>
      </c>
      <c r="F50" s="19"/>
      <c r="G50" s="18" t="s">
        <v>98</v>
      </c>
      <c r="H50" s="17"/>
      <c r="I50" s="13">
        <v>1035</v>
      </c>
      <c r="J50" s="19">
        <v>366</v>
      </c>
      <c r="K50" s="19">
        <v>669</v>
      </c>
    </row>
    <row r="51" spans="1:11" ht="15" customHeight="1">
      <c r="A51" s="17" t="s">
        <v>99</v>
      </c>
      <c r="B51" s="17"/>
      <c r="C51" s="13">
        <v>2208</v>
      </c>
      <c r="D51" s="19">
        <v>1141</v>
      </c>
      <c r="E51" s="19">
        <v>1067</v>
      </c>
      <c r="F51" s="19"/>
      <c r="G51" s="18" t="s">
        <v>100</v>
      </c>
      <c r="H51" s="17"/>
      <c r="I51" s="13">
        <v>941</v>
      </c>
      <c r="J51" s="19">
        <v>344</v>
      </c>
      <c r="K51" s="19">
        <v>597</v>
      </c>
    </row>
    <row r="52" spans="1:11" ht="15" customHeight="1">
      <c r="A52" s="17" t="s">
        <v>101</v>
      </c>
      <c r="B52" s="17"/>
      <c r="C52" s="13">
        <v>2282</v>
      </c>
      <c r="D52" s="19">
        <v>1110</v>
      </c>
      <c r="E52" s="19">
        <v>1172</v>
      </c>
      <c r="F52" s="19"/>
      <c r="G52" s="18" t="s">
        <v>102</v>
      </c>
      <c r="H52" s="17"/>
      <c r="I52" s="13">
        <v>754</v>
      </c>
      <c r="J52" s="19">
        <v>263</v>
      </c>
      <c r="K52" s="19">
        <v>491</v>
      </c>
    </row>
    <row r="53" spans="1:11" ht="20.100000000000001" customHeight="1">
      <c r="A53" s="17" t="s">
        <v>103</v>
      </c>
      <c r="B53" s="17"/>
      <c r="C53" s="13">
        <v>12916</v>
      </c>
      <c r="D53" s="14">
        <v>6439</v>
      </c>
      <c r="E53" s="14">
        <v>6477</v>
      </c>
      <c r="F53" s="14"/>
      <c r="G53" s="18" t="s">
        <v>104</v>
      </c>
      <c r="H53" s="17"/>
      <c r="I53" s="13">
        <v>2322</v>
      </c>
      <c r="J53" s="14">
        <v>717</v>
      </c>
      <c r="K53" s="14">
        <v>1605</v>
      </c>
    </row>
    <row r="54" spans="1:11" ht="15" customHeight="1">
      <c r="A54" s="17" t="s">
        <v>105</v>
      </c>
      <c r="B54" s="17"/>
      <c r="C54" s="13">
        <v>2297</v>
      </c>
      <c r="D54" s="19">
        <v>1174</v>
      </c>
      <c r="E54" s="19">
        <v>1123</v>
      </c>
      <c r="F54" s="19"/>
      <c r="G54" s="18" t="s">
        <v>106</v>
      </c>
      <c r="H54" s="17"/>
      <c r="I54" s="13">
        <v>676</v>
      </c>
      <c r="J54" s="19">
        <v>233</v>
      </c>
      <c r="K54" s="19">
        <v>443</v>
      </c>
    </row>
    <row r="55" spans="1:11" ht="15" customHeight="1">
      <c r="A55" s="17" t="s">
        <v>107</v>
      </c>
      <c r="B55" s="17"/>
      <c r="C55" s="13">
        <v>2393</v>
      </c>
      <c r="D55" s="19">
        <v>1188</v>
      </c>
      <c r="E55" s="19">
        <v>1205</v>
      </c>
      <c r="F55" s="19"/>
      <c r="G55" s="18" t="s">
        <v>108</v>
      </c>
      <c r="H55" s="17"/>
      <c r="I55" s="13">
        <v>560</v>
      </c>
      <c r="J55" s="19">
        <v>185</v>
      </c>
      <c r="K55" s="19">
        <v>375</v>
      </c>
    </row>
    <row r="56" spans="1:11" ht="15" customHeight="1">
      <c r="A56" s="17" t="s">
        <v>109</v>
      </c>
      <c r="B56" s="17"/>
      <c r="C56" s="13">
        <v>2662</v>
      </c>
      <c r="D56" s="19">
        <v>1320</v>
      </c>
      <c r="E56" s="19">
        <v>1342</v>
      </c>
      <c r="F56" s="19"/>
      <c r="G56" s="18" t="s">
        <v>110</v>
      </c>
      <c r="H56" s="17"/>
      <c r="I56" s="13">
        <v>410</v>
      </c>
      <c r="J56" s="19">
        <v>132</v>
      </c>
      <c r="K56" s="19">
        <v>278</v>
      </c>
    </row>
    <row r="57" spans="1:11" ht="15" customHeight="1">
      <c r="A57" s="17" t="s">
        <v>111</v>
      </c>
      <c r="B57" s="17"/>
      <c r="C57" s="13">
        <v>2704</v>
      </c>
      <c r="D57" s="19">
        <v>1355</v>
      </c>
      <c r="E57" s="19">
        <v>1349</v>
      </c>
      <c r="F57" s="19"/>
      <c r="G57" s="18" t="s">
        <v>112</v>
      </c>
      <c r="H57" s="17"/>
      <c r="I57" s="13">
        <v>368</v>
      </c>
      <c r="J57" s="19">
        <v>90</v>
      </c>
      <c r="K57" s="19">
        <v>278</v>
      </c>
    </row>
    <row r="58" spans="1:11" ht="15" customHeight="1">
      <c r="A58" s="17" t="s">
        <v>113</v>
      </c>
      <c r="B58" s="17"/>
      <c r="C58" s="13">
        <v>2860</v>
      </c>
      <c r="D58" s="19">
        <v>1402</v>
      </c>
      <c r="E58" s="19">
        <v>1458</v>
      </c>
      <c r="F58" s="19"/>
      <c r="G58" s="18" t="s">
        <v>114</v>
      </c>
      <c r="H58" s="17"/>
      <c r="I58" s="13">
        <v>308</v>
      </c>
      <c r="J58" s="19">
        <v>77</v>
      </c>
      <c r="K58" s="19">
        <v>231</v>
      </c>
    </row>
    <row r="59" spans="1:11" ht="20.100000000000001" customHeight="1">
      <c r="A59" s="17" t="s">
        <v>115</v>
      </c>
      <c r="B59" s="17"/>
      <c r="C59" s="13">
        <v>16009</v>
      </c>
      <c r="D59" s="14">
        <v>8001</v>
      </c>
      <c r="E59" s="14">
        <v>8008</v>
      </c>
      <c r="F59" s="14"/>
      <c r="G59" s="18" t="s">
        <v>116</v>
      </c>
      <c r="H59" s="17"/>
      <c r="I59" s="13">
        <v>529</v>
      </c>
      <c r="J59" s="14">
        <v>107</v>
      </c>
      <c r="K59" s="14">
        <v>422</v>
      </c>
    </row>
    <row r="60" spans="1:11" ht="15" customHeight="1">
      <c r="A60" s="17" t="s">
        <v>117</v>
      </c>
      <c r="B60" s="17"/>
      <c r="C60" s="13">
        <v>3086</v>
      </c>
      <c r="D60" s="19">
        <v>1537</v>
      </c>
      <c r="E60" s="19">
        <v>1549</v>
      </c>
      <c r="F60" s="19"/>
      <c r="G60" s="18" t="s">
        <v>118</v>
      </c>
      <c r="H60" s="17"/>
      <c r="I60" s="13">
        <v>165</v>
      </c>
      <c r="J60" s="19">
        <v>32</v>
      </c>
      <c r="K60" s="19">
        <v>133</v>
      </c>
    </row>
    <row r="61" spans="1:11" ht="15" customHeight="1">
      <c r="A61" s="17" t="s">
        <v>119</v>
      </c>
      <c r="B61" s="17"/>
      <c r="C61" s="13">
        <v>3236</v>
      </c>
      <c r="D61" s="19">
        <v>1649</v>
      </c>
      <c r="E61" s="19">
        <v>1587</v>
      </c>
      <c r="F61" s="19"/>
      <c r="G61" s="18" t="s">
        <v>120</v>
      </c>
      <c r="H61" s="17"/>
      <c r="I61" s="13">
        <v>144</v>
      </c>
      <c r="J61" s="19">
        <v>32</v>
      </c>
      <c r="K61" s="19">
        <v>112</v>
      </c>
    </row>
    <row r="62" spans="1:11" ht="15" customHeight="1">
      <c r="A62" s="17" t="s">
        <v>121</v>
      </c>
      <c r="B62" s="17"/>
      <c r="C62" s="13">
        <v>3253</v>
      </c>
      <c r="D62" s="19">
        <v>1649</v>
      </c>
      <c r="E62" s="19">
        <v>1604</v>
      </c>
      <c r="F62" s="19"/>
      <c r="G62" s="18" t="s">
        <v>122</v>
      </c>
      <c r="H62" s="17"/>
      <c r="I62" s="13">
        <v>100</v>
      </c>
      <c r="J62" s="19">
        <v>24</v>
      </c>
      <c r="K62" s="19">
        <v>76</v>
      </c>
    </row>
    <row r="63" spans="1:11" ht="15" customHeight="1">
      <c r="A63" s="17" t="s">
        <v>123</v>
      </c>
      <c r="B63" s="17"/>
      <c r="C63" s="13">
        <v>3281</v>
      </c>
      <c r="D63" s="19">
        <v>1615</v>
      </c>
      <c r="E63" s="19">
        <v>1666</v>
      </c>
      <c r="F63" s="19"/>
      <c r="G63" s="18" t="s">
        <v>124</v>
      </c>
      <c r="H63" s="17"/>
      <c r="I63" s="13">
        <v>61</v>
      </c>
      <c r="J63" s="19">
        <v>11</v>
      </c>
      <c r="K63" s="19">
        <v>50</v>
      </c>
    </row>
    <row r="64" spans="1:11" ht="15" customHeight="1">
      <c r="A64" s="17" t="s">
        <v>125</v>
      </c>
      <c r="B64" s="17"/>
      <c r="C64" s="13">
        <v>3153</v>
      </c>
      <c r="D64" s="19">
        <v>1551</v>
      </c>
      <c r="E64" s="19">
        <v>1602</v>
      </c>
      <c r="F64" s="19"/>
      <c r="G64" s="18" t="s">
        <v>126</v>
      </c>
      <c r="H64" s="17"/>
      <c r="I64" s="13">
        <v>59</v>
      </c>
      <c r="J64" s="19">
        <v>8</v>
      </c>
      <c r="K64" s="19">
        <v>5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8</v>
      </c>
      <c r="J65" s="19">
        <v>3</v>
      </c>
      <c r="K65" s="19">
        <v>3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84</v>
      </c>
      <c r="J66" s="29">
        <v>477</v>
      </c>
      <c r="K66" s="29">
        <v>507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53620</v>
      </c>
      <c r="D4" s="14">
        <v>178513</v>
      </c>
      <c r="E4" s="14">
        <v>17510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5491</v>
      </c>
      <c r="D5" s="14">
        <v>8078</v>
      </c>
      <c r="E5" s="14">
        <v>7413</v>
      </c>
      <c r="F5" s="14"/>
      <c r="G5" s="18" t="s">
        <v>8</v>
      </c>
      <c r="H5" s="17"/>
      <c r="I5" s="13">
        <v>28005</v>
      </c>
      <c r="J5" s="14">
        <v>14732</v>
      </c>
      <c r="K5" s="14">
        <v>13273</v>
      </c>
    </row>
    <row r="6" spans="1:11" ht="15" customHeight="1">
      <c r="A6" s="17" t="s">
        <v>9</v>
      </c>
      <c r="B6" s="17"/>
      <c r="C6" s="13">
        <v>3098</v>
      </c>
      <c r="D6" s="19">
        <v>1599</v>
      </c>
      <c r="E6" s="19">
        <v>1499</v>
      </c>
      <c r="F6" s="19"/>
      <c r="G6" s="18" t="s">
        <v>10</v>
      </c>
      <c r="H6" s="17"/>
      <c r="I6" s="13">
        <v>6047</v>
      </c>
      <c r="J6" s="19">
        <v>3170</v>
      </c>
      <c r="K6" s="19">
        <v>2877</v>
      </c>
    </row>
    <row r="7" spans="1:11" ht="15" customHeight="1">
      <c r="A7" s="17" t="s">
        <v>11</v>
      </c>
      <c r="B7" s="17"/>
      <c r="C7" s="13">
        <v>3282</v>
      </c>
      <c r="D7" s="19">
        <v>1727</v>
      </c>
      <c r="E7" s="19">
        <v>1555</v>
      </c>
      <c r="F7" s="19"/>
      <c r="G7" s="18" t="s">
        <v>12</v>
      </c>
      <c r="H7" s="17"/>
      <c r="I7" s="13">
        <v>5959</v>
      </c>
      <c r="J7" s="19">
        <v>3095</v>
      </c>
      <c r="K7" s="19">
        <v>2864</v>
      </c>
    </row>
    <row r="8" spans="1:11" ht="15" customHeight="1">
      <c r="A8" s="17" t="s">
        <v>13</v>
      </c>
      <c r="B8" s="17"/>
      <c r="C8" s="13">
        <v>3079</v>
      </c>
      <c r="D8" s="19">
        <v>1627</v>
      </c>
      <c r="E8" s="19">
        <v>1452</v>
      </c>
      <c r="F8" s="19"/>
      <c r="G8" s="18" t="s">
        <v>14</v>
      </c>
      <c r="H8" s="17"/>
      <c r="I8" s="13">
        <v>6143</v>
      </c>
      <c r="J8" s="19">
        <v>3228</v>
      </c>
      <c r="K8" s="19">
        <v>2915</v>
      </c>
    </row>
    <row r="9" spans="1:11" ht="15" customHeight="1">
      <c r="A9" s="17" t="s">
        <v>15</v>
      </c>
      <c r="B9" s="17"/>
      <c r="C9" s="13">
        <v>3065</v>
      </c>
      <c r="D9" s="19">
        <v>1581</v>
      </c>
      <c r="E9" s="19">
        <v>1484</v>
      </c>
      <c r="F9" s="19"/>
      <c r="G9" s="18" t="s">
        <v>16</v>
      </c>
      <c r="H9" s="17"/>
      <c r="I9" s="13">
        <v>4284</v>
      </c>
      <c r="J9" s="19">
        <v>2251</v>
      </c>
      <c r="K9" s="19">
        <v>2033</v>
      </c>
    </row>
    <row r="10" spans="1:11" ht="15" customHeight="1">
      <c r="A10" s="17" t="s">
        <v>17</v>
      </c>
      <c r="B10" s="17"/>
      <c r="C10" s="13">
        <v>2967</v>
      </c>
      <c r="D10" s="19">
        <v>1544</v>
      </c>
      <c r="E10" s="19">
        <v>1423</v>
      </c>
      <c r="F10" s="19"/>
      <c r="G10" s="18" t="s">
        <v>18</v>
      </c>
      <c r="H10" s="17"/>
      <c r="I10" s="13">
        <v>5572</v>
      </c>
      <c r="J10" s="19">
        <v>2988</v>
      </c>
      <c r="K10" s="19">
        <v>2584</v>
      </c>
    </row>
    <row r="11" spans="1:11" ht="20.100000000000001" customHeight="1">
      <c r="A11" s="17" t="s">
        <v>19</v>
      </c>
      <c r="B11" s="17"/>
      <c r="C11" s="13">
        <v>14273</v>
      </c>
      <c r="D11" s="14">
        <v>7333</v>
      </c>
      <c r="E11" s="14">
        <v>6940</v>
      </c>
      <c r="F11" s="14"/>
      <c r="G11" s="18" t="s">
        <v>20</v>
      </c>
      <c r="H11" s="17"/>
      <c r="I11" s="13">
        <v>21867</v>
      </c>
      <c r="J11" s="14">
        <v>11423</v>
      </c>
      <c r="K11" s="14">
        <v>10444</v>
      </c>
    </row>
    <row r="12" spans="1:11" ht="15" customHeight="1">
      <c r="A12" s="17" t="s">
        <v>21</v>
      </c>
      <c r="B12" s="17"/>
      <c r="C12" s="13">
        <v>2967</v>
      </c>
      <c r="D12" s="19">
        <v>1502</v>
      </c>
      <c r="E12" s="19">
        <v>1465</v>
      </c>
      <c r="F12" s="19"/>
      <c r="G12" s="18" t="s">
        <v>22</v>
      </c>
      <c r="H12" s="17"/>
      <c r="I12" s="13">
        <v>4902</v>
      </c>
      <c r="J12" s="19">
        <v>2568</v>
      </c>
      <c r="K12" s="19">
        <v>2334</v>
      </c>
    </row>
    <row r="13" spans="1:11" ht="15" customHeight="1">
      <c r="A13" s="17" t="s">
        <v>23</v>
      </c>
      <c r="B13" s="17"/>
      <c r="C13" s="13">
        <v>2876</v>
      </c>
      <c r="D13" s="19">
        <v>1471</v>
      </c>
      <c r="E13" s="19">
        <v>1405</v>
      </c>
      <c r="F13" s="19"/>
      <c r="G13" s="18" t="s">
        <v>24</v>
      </c>
      <c r="H13" s="17"/>
      <c r="I13" s="13">
        <v>4615</v>
      </c>
      <c r="J13" s="19">
        <v>2444</v>
      </c>
      <c r="K13" s="19">
        <v>2171</v>
      </c>
    </row>
    <row r="14" spans="1:11" ht="15" customHeight="1">
      <c r="A14" s="17" t="s">
        <v>25</v>
      </c>
      <c r="B14" s="17"/>
      <c r="C14" s="13">
        <v>2801</v>
      </c>
      <c r="D14" s="19">
        <v>1409</v>
      </c>
      <c r="E14" s="19">
        <v>1392</v>
      </c>
      <c r="F14" s="19"/>
      <c r="G14" s="18" t="s">
        <v>26</v>
      </c>
      <c r="H14" s="17"/>
      <c r="I14" s="13">
        <v>4230</v>
      </c>
      <c r="J14" s="19">
        <v>2197</v>
      </c>
      <c r="K14" s="19">
        <v>2033</v>
      </c>
    </row>
    <row r="15" spans="1:11" ht="15" customHeight="1">
      <c r="A15" s="17" t="s">
        <v>27</v>
      </c>
      <c r="B15" s="17"/>
      <c r="C15" s="13">
        <v>2857</v>
      </c>
      <c r="D15" s="19">
        <v>1501</v>
      </c>
      <c r="E15" s="19">
        <v>1356</v>
      </c>
      <c r="F15" s="19"/>
      <c r="G15" s="18" t="s">
        <v>28</v>
      </c>
      <c r="H15" s="17"/>
      <c r="I15" s="13">
        <v>4126</v>
      </c>
      <c r="J15" s="19">
        <v>2156</v>
      </c>
      <c r="K15" s="19">
        <v>1970</v>
      </c>
    </row>
    <row r="16" spans="1:11" ht="15" customHeight="1">
      <c r="A16" s="17" t="s">
        <v>29</v>
      </c>
      <c r="B16" s="17"/>
      <c r="C16" s="13">
        <v>2772</v>
      </c>
      <c r="D16" s="19">
        <v>1450</v>
      </c>
      <c r="E16" s="19">
        <v>1322</v>
      </c>
      <c r="F16" s="19"/>
      <c r="G16" s="18" t="s">
        <v>30</v>
      </c>
      <c r="H16" s="17"/>
      <c r="I16" s="13">
        <v>3994</v>
      </c>
      <c r="J16" s="19">
        <v>2058</v>
      </c>
      <c r="K16" s="19">
        <v>1936</v>
      </c>
    </row>
    <row r="17" spans="1:11" ht="20.100000000000001" customHeight="1">
      <c r="A17" s="20" t="s">
        <v>31</v>
      </c>
      <c r="B17" s="20"/>
      <c r="C17" s="13">
        <v>13239</v>
      </c>
      <c r="D17" s="14">
        <v>6680</v>
      </c>
      <c r="E17" s="14">
        <v>6559</v>
      </c>
      <c r="F17" s="14"/>
      <c r="G17" s="18" t="s">
        <v>32</v>
      </c>
      <c r="H17" s="17"/>
      <c r="I17" s="13">
        <v>17072</v>
      </c>
      <c r="J17" s="14">
        <v>8785</v>
      </c>
      <c r="K17" s="14">
        <v>8287</v>
      </c>
    </row>
    <row r="18" spans="1:11" ht="15" customHeight="1">
      <c r="A18" s="17" t="s">
        <v>33</v>
      </c>
      <c r="B18" s="17"/>
      <c r="C18" s="13">
        <v>2703</v>
      </c>
      <c r="D18" s="19">
        <v>1292</v>
      </c>
      <c r="E18" s="19">
        <v>1411</v>
      </c>
      <c r="F18" s="19"/>
      <c r="G18" s="18" t="s">
        <v>34</v>
      </c>
      <c r="H18" s="17"/>
      <c r="I18" s="13">
        <v>3693</v>
      </c>
      <c r="J18" s="19">
        <v>1936</v>
      </c>
      <c r="K18" s="19">
        <v>1757</v>
      </c>
    </row>
    <row r="19" spans="1:11" ht="15" customHeight="1">
      <c r="A19" s="17" t="s">
        <v>35</v>
      </c>
      <c r="B19" s="17"/>
      <c r="C19" s="13">
        <v>2728</v>
      </c>
      <c r="D19" s="19">
        <v>1411</v>
      </c>
      <c r="E19" s="19">
        <v>1317</v>
      </c>
      <c r="F19" s="19"/>
      <c r="G19" s="18" t="s">
        <v>36</v>
      </c>
      <c r="H19" s="17"/>
      <c r="I19" s="13">
        <v>3596</v>
      </c>
      <c r="J19" s="19">
        <v>1861</v>
      </c>
      <c r="K19" s="19">
        <v>1735</v>
      </c>
    </row>
    <row r="20" spans="1:11" ht="15" customHeight="1">
      <c r="A20" s="17" t="s">
        <v>37</v>
      </c>
      <c r="B20" s="17"/>
      <c r="C20" s="13">
        <v>2655</v>
      </c>
      <c r="D20" s="19">
        <v>1331</v>
      </c>
      <c r="E20" s="19">
        <v>1324</v>
      </c>
      <c r="F20" s="19"/>
      <c r="G20" s="18" t="s">
        <v>38</v>
      </c>
      <c r="H20" s="17"/>
      <c r="I20" s="13">
        <v>3185</v>
      </c>
      <c r="J20" s="19">
        <v>1614</v>
      </c>
      <c r="K20" s="19">
        <v>1571</v>
      </c>
    </row>
    <row r="21" spans="1:11" ht="15" customHeight="1">
      <c r="A21" s="17" t="s">
        <v>39</v>
      </c>
      <c r="B21" s="17"/>
      <c r="C21" s="13">
        <v>2678</v>
      </c>
      <c r="D21" s="19">
        <v>1415</v>
      </c>
      <c r="E21" s="19">
        <v>1263</v>
      </c>
      <c r="F21" s="19"/>
      <c r="G21" s="18" t="s">
        <v>40</v>
      </c>
      <c r="H21" s="17"/>
      <c r="I21" s="13">
        <v>3281</v>
      </c>
      <c r="J21" s="19">
        <v>1667</v>
      </c>
      <c r="K21" s="19">
        <v>1614</v>
      </c>
    </row>
    <row r="22" spans="1:11" ht="15" customHeight="1">
      <c r="A22" s="17" t="s">
        <v>41</v>
      </c>
      <c r="B22" s="17"/>
      <c r="C22" s="13">
        <v>2475</v>
      </c>
      <c r="D22" s="19">
        <v>1231</v>
      </c>
      <c r="E22" s="19">
        <v>1244</v>
      </c>
      <c r="F22" s="19"/>
      <c r="G22" s="18" t="s">
        <v>42</v>
      </c>
      <c r="H22" s="17"/>
      <c r="I22" s="13">
        <v>3317</v>
      </c>
      <c r="J22" s="19">
        <v>1707</v>
      </c>
      <c r="K22" s="19">
        <v>1610</v>
      </c>
    </row>
    <row r="23" spans="1:11" ht="20.100000000000001" customHeight="1">
      <c r="A23" s="17" t="s">
        <v>43</v>
      </c>
      <c r="B23" s="17"/>
      <c r="C23" s="13">
        <v>14207</v>
      </c>
      <c r="D23" s="14">
        <v>7216</v>
      </c>
      <c r="E23" s="14">
        <v>6991</v>
      </c>
      <c r="F23" s="14"/>
      <c r="G23" s="18" t="s">
        <v>44</v>
      </c>
      <c r="H23" s="17"/>
      <c r="I23" s="13">
        <v>16781</v>
      </c>
      <c r="J23" s="14">
        <v>8273</v>
      </c>
      <c r="K23" s="14">
        <v>8508</v>
      </c>
    </row>
    <row r="24" spans="1:11" ht="15" customHeight="1">
      <c r="A24" s="17" t="s">
        <v>45</v>
      </c>
      <c r="B24" s="17"/>
      <c r="C24" s="13">
        <v>2727</v>
      </c>
      <c r="D24" s="19">
        <v>1388</v>
      </c>
      <c r="E24" s="19">
        <v>1339</v>
      </c>
      <c r="F24" s="19"/>
      <c r="G24" s="18" t="s">
        <v>46</v>
      </c>
      <c r="H24" s="17"/>
      <c r="I24" s="13">
        <v>3120</v>
      </c>
      <c r="J24" s="19">
        <v>1561</v>
      </c>
      <c r="K24" s="19">
        <v>1559</v>
      </c>
    </row>
    <row r="25" spans="1:11" ht="15" customHeight="1">
      <c r="A25" s="17" t="s">
        <v>47</v>
      </c>
      <c r="B25" s="17"/>
      <c r="C25" s="13">
        <v>2688</v>
      </c>
      <c r="D25" s="19">
        <v>1373</v>
      </c>
      <c r="E25" s="19">
        <v>1315</v>
      </c>
      <c r="F25" s="19"/>
      <c r="G25" s="18" t="s">
        <v>48</v>
      </c>
      <c r="H25" s="17"/>
      <c r="I25" s="13">
        <v>3283</v>
      </c>
      <c r="J25" s="19">
        <v>1686</v>
      </c>
      <c r="K25" s="19">
        <v>1597</v>
      </c>
    </row>
    <row r="26" spans="1:11" ht="15" customHeight="1">
      <c r="A26" s="17" t="s">
        <v>49</v>
      </c>
      <c r="B26" s="17"/>
      <c r="C26" s="13">
        <v>2765</v>
      </c>
      <c r="D26" s="19">
        <v>1391</v>
      </c>
      <c r="E26" s="19">
        <v>1374</v>
      </c>
      <c r="F26" s="19"/>
      <c r="G26" s="18" t="s">
        <v>50</v>
      </c>
      <c r="H26" s="17"/>
      <c r="I26" s="13">
        <v>3330</v>
      </c>
      <c r="J26" s="19">
        <v>1611</v>
      </c>
      <c r="K26" s="19">
        <v>1719</v>
      </c>
    </row>
    <row r="27" spans="1:11" ht="15" customHeight="1">
      <c r="A27" s="17" t="s">
        <v>51</v>
      </c>
      <c r="B27" s="17"/>
      <c r="C27" s="13">
        <v>2786</v>
      </c>
      <c r="D27" s="19">
        <v>1427</v>
      </c>
      <c r="E27" s="19">
        <v>1359</v>
      </c>
      <c r="F27" s="19"/>
      <c r="G27" s="18" t="s">
        <v>52</v>
      </c>
      <c r="H27" s="17"/>
      <c r="I27" s="13">
        <v>3479</v>
      </c>
      <c r="J27" s="19">
        <v>1688</v>
      </c>
      <c r="K27" s="19">
        <v>1791</v>
      </c>
    </row>
    <row r="28" spans="1:11" ht="15" customHeight="1">
      <c r="A28" s="17" t="s">
        <v>53</v>
      </c>
      <c r="B28" s="17"/>
      <c r="C28" s="13">
        <v>3241</v>
      </c>
      <c r="D28" s="19">
        <v>1637</v>
      </c>
      <c r="E28" s="19">
        <v>1604</v>
      </c>
      <c r="F28" s="19"/>
      <c r="G28" s="18" t="s">
        <v>54</v>
      </c>
      <c r="H28" s="17"/>
      <c r="I28" s="13">
        <v>3569</v>
      </c>
      <c r="J28" s="19">
        <v>1727</v>
      </c>
      <c r="K28" s="19">
        <v>1842</v>
      </c>
    </row>
    <row r="29" spans="1:11" ht="20.100000000000001" customHeight="1">
      <c r="A29" s="17" t="s">
        <v>55</v>
      </c>
      <c r="B29" s="17"/>
      <c r="C29" s="13">
        <v>21291</v>
      </c>
      <c r="D29" s="14">
        <v>11075</v>
      </c>
      <c r="E29" s="14">
        <v>10216</v>
      </c>
      <c r="F29" s="14"/>
      <c r="G29" s="18" t="s">
        <v>56</v>
      </c>
      <c r="H29" s="17"/>
      <c r="I29" s="13">
        <v>17463</v>
      </c>
      <c r="J29" s="14">
        <v>8346</v>
      </c>
      <c r="K29" s="14">
        <v>9117</v>
      </c>
    </row>
    <row r="30" spans="1:11" ht="15" customHeight="1">
      <c r="A30" s="17" t="s">
        <v>57</v>
      </c>
      <c r="B30" s="17"/>
      <c r="C30" s="13">
        <v>3404</v>
      </c>
      <c r="D30" s="19">
        <v>1753</v>
      </c>
      <c r="E30" s="19">
        <v>1651</v>
      </c>
      <c r="F30" s="19"/>
      <c r="G30" s="18" t="s">
        <v>58</v>
      </c>
      <c r="H30" s="17"/>
      <c r="I30" s="13">
        <v>4134</v>
      </c>
      <c r="J30" s="19">
        <v>2006</v>
      </c>
      <c r="K30" s="19">
        <v>2128</v>
      </c>
    </row>
    <row r="31" spans="1:11" ht="15" customHeight="1">
      <c r="A31" s="17" t="s">
        <v>59</v>
      </c>
      <c r="B31" s="17"/>
      <c r="C31" s="13">
        <v>3711</v>
      </c>
      <c r="D31" s="19">
        <v>1850</v>
      </c>
      <c r="E31" s="19">
        <v>1861</v>
      </c>
      <c r="F31" s="19"/>
      <c r="G31" s="18" t="s">
        <v>60</v>
      </c>
      <c r="H31" s="17"/>
      <c r="I31" s="13">
        <v>4140</v>
      </c>
      <c r="J31" s="19">
        <v>2039</v>
      </c>
      <c r="K31" s="19">
        <v>2101</v>
      </c>
    </row>
    <row r="32" spans="1:11" ht="15" customHeight="1">
      <c r="A32" s="17" t="s">
        <v>61</v>
      </c>
      <c r="B32" s="17"/>
      <c r="C32" s="13">
        <v>4091</v>
      </c>
      <c r="D32" s="19">
        <v>2111</v>
      </c>
      <c r="E32" s="19">
        <v>1980</v>
      </c>
      <c r="F32" s="19"/>
      <c r="G32" s="18" t="s">
        <v>62</v>
      </c>
      <c r="H32" s="17"/>
      <c r="I32" s="13">
        <v>3970</v>
      </c>
      <c r="J32" s="19">
        <v>1902</v>
      </c>
      <c r="K32" s="19">
        <v>2068</v>
      </c>
    </row>
    <row r="33" spans="1:11" ht="15" customHeight="1">
      <c r="A33" s="17" t="s">
        <v>63</v>
      </c>
      <c r="B33" s="17"/>
      <c r="C33" s="13">
        <v>5001</v>
      </c>
      <c r="D33" s="19">
        <v>2664</v>
      </c>
      <c r="E33" s="19">
        <v>2337</v>
      </c>
      <c r="F33" s="19"/>
      <c r="G33" s="18" t="s">
        <v>64</v>
      </c>
      <c r="H33" s="17"/>
      <c r="I33" s="13">
        <v>2710</v>
      </c>
      <c r="J33" s="19">
        <v>1246</v>
      </c>
      <c r="K33" s="19">
        <v>1464</v>
      </c>
    </row>
    <row r="34" spans="1:11" ht="15" customHeight="1">
      <c r="A34" s="17" t="s">
        <v>65</v>
      </c>
      <c r="B34" s="17"/>
      <c r="C34" s="13">
        <v>5084</v>
      </c>
      <c r="D34" s="19">
        <v>2697</v>
      </c>
      <c r="E34" s="19">
        <v>2387</v>
      </c>
      <c r="F34" s="19"/>
      <c r="G34" s="18" t="s">
        <v>66</v>
      </c>
      <c r="H34" s="17"/>
      <c r="I34" s="13">
        <v>2509</v>
      </c>
      <c r="J34" s="19">
        <v>1153</v>
      </c>
      <c r="K34" s="19">
        <v>1356</v>
      </c>
    </row>
    <row r="35" spans="1:11" ht="20.100000000000001" customHeight="1">
      <c r="A35" s="17" t="s">
        <v>67</v>
      </c>
      <c r="B35" s="17"/>
      <c r="C35" s="13">
        <v>25213</v>
      </c>
      <c r="D35" s="14">
        <v>13315</v>
      </c>
      <c r="E35" s="14">
        <v>11898</v>
      </c>
      <c r="F35" s="14"/>
      <c r="G35" s="18" t="s">
        <v>68</v>
      </c>
      <c r="H35" s="17"/>
      <c r="I35" s="13">
        <v>14175</v>
      </c>
      <c r="J35" s="14">
        <v>6292</v>
      </c>
      <c r="K35" s="14">
        <v>7883</v>
      </c>
    </row>
    <row r="36" spans="1:11" ht="15" customHeight="1">
      <c r="A36" s="17" t="s">
        <v>69</v>
      </c>
      <c r="B36" s="17"/>
      <c r="C36" s="13">
        <v>5298</v>
      </c>
      <c r="D36" s="19">
        <v>2937</v>
      </c>
      <c r="E36" s="19">
        <v>2361</v>
      </c>
      <c r="F36" s="19"/>
      <c r="G36" s="18" t="s">
        <v>70</v>
      </c>
      <c r="H36" s="17"/>
      <c r="I36" s="13">
        <v>2904</v>
      </c>
      <c r="J36" s="19">
        <v>1336</v>
      </c>
      <c r="K36" s="19">
        <v>1568</v>
      </c>
    </row>
    <row r="37" spans="1:11" ht="15" customHeight="1">
      <c r="A37" s="17" t="s">
        <v>71</v>
      </c>
      <c r="B37" s="17"/>
      <c r="C37" s="13">
        <v>5140</v>
      </c>
      <c r="D37" s="19">
        <v>2707</v>
      </c>
      <c r="E37" s="19">
        <v>2433</v>
      </c>
      <c r="F37" s="19"/>
      <c r="G37" s="18" t="s">
        <v>72</v>
      </c>
      <c r="H37" s="17"/>
      <c r="I37" s="13">
        <v>3102</v>
      </c>
      <c r="J37" s="19">
        <v>1390</v>
      </c>
      <c r="K37" s="19">
        <v>1712</v>
      </c>
    </row>
    <row r="38" spans="1:11" ht="15" customHeight="1">
      <c r="A38" s="17" t="s">
        <v>73</v>
      </c>
      <c r="B38" s="17"/>
      <c r="C38" s="13">
        <v>5001</v>
      </c>
      <c r="D38" s="19">
        <v>2674</v>
      </c>
      <c r="E38" s="19">
        <v>2327</v>
      </c>
      <c r="F38" s="19"/>
      <c r="G38" s="18" t="s">
        <v>74</v>
      </c>
      <c r="H38" s="17"/>
      <c r="I38" s="13">
        <v>2864</v>
      </c>
      <c r="J38" s="19">
        <v>1263</v>
      </c>
      <c r="K38" s="19">
        <v>1601</v>
      </c>
    </row>
    <row r="39" spans="1:11" ht="15" customHeight="1">
      <c r="A39" s="17" t="s">
        <v>75</v>
      </c>
      <c r="B39" s="17"/>
      <c r="C39" s="13">
        <v>4933</v>
      </c>
      <c r="D39" s="19">
        <v>2518</v>
      </c>
      <c r="E39" s="19">
        <v>2415</v>
      </c>
      <c r="F39" s="19"/>
      <c r="G39" s="18" t="s">
        <v>76</v>
      </c>
      <c r="H39" s="17"/>
      <c r="I39" s="13">
        <v>2769</v>
      </c>
      <c r="J39" s="19">
        <v>1200</v>
      </c>
      <c r="K39" s="19">
        <v>1569</v>
      </c>
    </row>
    <row r="40" spans="1:11" ht="15" customHeight="1">
      <c r="A40" s="17" t="s">
        <v>77</v>
      </c>
      <c r="B40" s="17"/>
      <c r="C40" s="13">
        <v>4841</v>
      </c>
      <c r="D40" s="19">
        <v>2479</v>
      </c>
      <c r="E40" s="19">
        <v>2362</v>
      </c>
      <c r="F40" s="19"/>
      <c r="G40" s="18" t="s">
        <v>78</v>
      </c>
      <c r="H40" s="17"/>
      <c r="I40" s="13">
        <v>2536</v>
      </c>
      <c r="J40" s="19">
        <v>1103</v>
      </c>
      <c r="K40" s="19">
        <v>1433</v>
      </c>
    </row>
    <row r="41" spans="1:11" ht="20.100000000000001" customHeight="1">
      <c r="A41" s="17" t="s">
        <v>79</v>
      </c>
      <c r="B41" s="17"/>
      <c r="C41" s="13">
        <v>25452</v>
      </c>
      <c r="D41" s="14">
        <v>13182</v>
      </c>
      <c r="E41" s="14">
        <v>12270</v>
      </c>
      <c r="F41" s="14"/>
      <c r="G41" s="18" t="s">
        <v>80</v>
      </c>
      <c r="H41" s="17"/>
      <c r="I41" s="13">
        <v>10255</v>
      </c>
      <c r="J41" s="14">
        <v>4264</v>
      </c>
      <c r="K41" s="14">
        <v>5991</v>
      </c>
    </row>
    <row r="42" spans="1:11" ht="15" customHeight="1">
      <c r="A42" s="17" t="s">
        <v>81</v>
      </c>
      <c r="B42" s="17"/>
      <c r="C42" s="13">
        <v>4904</v>
      </c>
      <c r="D42" s="19">
        <v>2508</v>
      </c>
      <c r="E42" s="19">
        <v>2396</v>
      </c>
      <c r="F42" s="19"/>
      <c r="G42" s="18" t="s">
        <v>82</v>
      </c>
      <c r="H42" s="17"/>
      <c r="I42" s="13">
        <v>2173</v>
      </c>
      <c r="J42" s="19">
        <v>952</v>
      </c>
      <c r="K42" s="19">
        <v>1221</v>
      </c>
    </row>
    <row r="43" spans="1:11" ht="15" customHeight="1">
      <c r="A43" s="17" t="s">
        <v>83</v>
      </c>
      <c r="B43" s="17"/>
      <c r="C43" s="13">
        <v>5039</v>
      </c>
      <c r="D43" s="19">
        <v>2562</v>
      </c>
      <c r="E43" s="19">
        <v>2477</v>
      </c>
      <c r="F43" s="19"/>
      <c r="G43" s="18" t="s">
        <v>84</v>
      </c>
      <c r="H43" s="17"/>
      <c r="I43" s="13">
        <v>2010</v>
      </c>
      <c r="J43" s="19">
        <v>830</v>
      </c>
      <c r="K43" s="19">
        <v>1180</v>
      </c>
    </row>
    <row r="44" spans="1:11" ht="15" customHeight="1">
      <c r="A44" s="17" t="s">
        <v>85</v>
      </c>
      <c r="B44" s="17"/>
      <c r="C44" s="13">
        <v>5029</v>
      </c>
      <c r="D44" s="19">
        <v>2678</v>
      </c>
      <c r="E44" s="19">
        <v>2351</v>
      </c>
      <c r="F44" s="19"/>
      <c r="G44" s="18" t="s">
        <v>86</v>
      </c>
      <c r="H44" s="17"/>
      <c r="I44" s="13">
        <v>2116</v>
      </c>
      <c r="J44" s="19">
        <v>886</v>
      </c>
      <c r="K44" s="19">
        <v>1230</v>
      </c>
    </row>
    <row r="45" spans="1:11" ht="15" customHeight="1">
      <c r="A45" s="17" t="s">
        <v>87</v>
      </c>
      <c r="B45" s="17"/>
      <c r="C45" s="13">
        <v>5183</v>
      </c>
      <c r="D45" s="19">
        <v>2698</v>
      </c>
      <c r="E45" s="19">
        <v>2485</v>
      </c>
      <c r="F45" s="19"/>
      <c r="G45" s="18" t="s">
        <v>88</v>
      </c>
      <c r="H45" s="17"/>
      <c r="I45" s="13">
        <v>1956</v>
      </c>
      <c r="J45" s="19">
        <v>775</v>
      </c>
      <c r="K45" s="19">
        <v>1181</v>
      </c>
    </row>
    <row r="46" spans="1:11" ht="15" customHeight="1">
      <c r="A46" s="17" t="s">
        <v>89</v>
      </c>
      <c r="B46" s="17"/>
      <c r="C46" s="13">
        <v>5297</v>
      </c>
      <c r="D46" s="19">
        <v>2736</v>
      </c>
      <c r="E46" s="19">
        <v>2561</v>
      </c>
      <c r="F46" s="19"/>
      <c r="G46" s="18" t="s">
        <v>90</v>
      </c>
      <c r="H46" s="17"/>
      <c r="I46" s="13">
        <v>2000</v>
      </c>
      <c r="J46" s="19">
        <v>821</v>
      </c>
      <c r="K46" s="19">
        <v>1179</v>
      </c>
    </row>
    <row r="47" spans="1:11" ht="20.100000000000001" customHeight="1">
      <c r="A47" s="17" t="s">
        <v>91</v>
      </c>
      <c r="B47" s="17"/>
      <c r="C47" s="13">
        <v>26605</v>
      </c>
      <c r="D47" s="14">
        <v>13803</v>
      </c>
      <c r="E47" s="14">
        <v>12802</v>
      </c>
      <c r="F47" s="14"/>
      <c r="G47" s="18" t="s">
        <v>92</v>
      </c>
      <c r="H47" s="17"/>
      <c r="I47" s="13">
        <v>6689</v>
      </c>
      <c r="J47" s="14">
        <v>2428</v>
      </c>
      <c r="K47" s="14">
        <v>4261</v>
      </c>
    </row>
    <row r="48" spans="1:11" ht="15" customHeight="1">
      <c r="A48" s="17" t="s">
        <v>93</v>
      </c>
      <c r="B48" s="17"/>
      <c r="C48" s="13">
        <v>5527</v>
      </c>
      <c r="D48" s="19">
        <v>2895</v>
      </c>
      <c r="E48" s="19">
        <v>2632</v>
      </c>
      <c r="F48" s="19"/>
      <c r="G48" s="18" t="s">
        <v>94</v>
      </c>
      <c r="H48" s="17"/>
      <c r="I48" s="13">
        <v>1590</v>
      </c>
      <c r="J48" s="19">
        <v>629</v>
      </c>
      <c r="K48" s="19">
        <v>961</v>
      </c>
    </row>
    <row r="49" spans="1:11" ht="15" customHeight="1">
      <c r="A49" s="17" t="s">
        <v>95</v>
      </c>
      <c r="B49" s="17"/>
      <c r="C49" s="13">
        <v>5273</v>
      </c>
      <c r="D49" s="19">
        <v>2708</v>
      </c>
      <c r="E49" s="19">
        <v>2565</v>
      </c>
      <c r="F49" s="19"/>
      <c r="G49" s="18" t="s">
        <v>96</v>
      </c>
      <c r="H49" s="17"/>
      <c r="I49" s="13">
        <v>1499</v>
      </c>
      <c r="J49" s="19">
        <v>554</v>
      </c>
      <c r="K49" s="19">
        <v>945</v>
      </c>
    </row>
    <row r="50" spans="1:11" ht="15" customHeight="1">
      <c r="A50" s="17" t="s">
        <v>97</v>
      </c>
      <c r="B50" s="17"/>
      <c r="C50" s="13">
        <v>5260</v>
      </c>
      <c r="D50" s="19">
        <v>2761</v>
      </c>
      <c r="E50" s="19">
        <v>2499</v>
      </c>
      <c r="F50" s="19"/>
      <c r="G50" s="18" t="s">
        <v>98</v>
      </c>
      <c r="H50" s="17"/>
      <c r="I50" s="13">
        <v>1332</v>
      </c>
      <c r="J50" s="19">
        <v>496</v>
      </c>
      <c r="K50" s="19">
        <v>836</v>
      </c>
    </row>
    <row r="51" spans="1:11" ht="15" customHeight="1">
      <c r="A51" s="17" t="s">
        <v>99</v>
      </c>
      <c r="B51" s="17"/>
      <c r="C51" s="13">
        <v>5186</v>
      </c>
      <c r="D51" s="19">
        <v>2668</v>
      </c>
      <c r="E51" s="19">
        <v>2518</v>
      </c>
      <c r="F51" s="19"/>
      <c r="G51" s="18" t="s">
        <v>100</v>
      </c>
      <c r="H51" s="17"/>
      <c r="I51" s="13">
        <v>1251</v>
      </c>
      <c r="J51" s="19">
        <v>422</v>
      </c>
      <c r="K51" s="19">
        <v>829</v>
      </c>
    </row>
    <row r="52" spans="1:11" ht="15" customHeight="1">
      <c r="A52" s="17" t="s">
        <v>101</v>
      </c>
      <c r="B52" s="17"/>
      <c r="C52" s="13">
        <v>5359</v>
      </c>
      <c r="D52" s="19">
        <v>2771</v>
      </c>
      <c r="E52" s="19">
        <v>2588</v>
      </c>
      <c r="F52" s="19"/>
      <c r="G52" s="18" t="s">
        <v>102</v>
      </c>
      <c r="H52" s="17"/>
      <c r="I52" s="13">
        <v>1017</v>
      </c>
      <c r="J52" s="19">
        <v>327</v>
      </c>
      <c r="K52" s="19">
        <v>690</v>
      </c>
    </row>
    <row r="53" spans="1:11" ht="20.100000000000001" customHeight="1">
      <c r="A53" s="17" t="s">
        <v>103</v>
      </c>
      <c r="B53" s="17"/>
      <c r="C53" s="13">
        <v>28144</v>
      </c>
      <c r="D53" s="14">
        <v>14573</v>
      </c>
      <c r="E53" s="14">
        <v>13571</v>
      </c>
      <c r="F53" s="14"/>
      <c r="G53" s="18" t="s">
        <v>104</v>
      </c>
      <c r="H53" s="17"/>
      <c r="I53" s="13">
        <v>3295</v>
      </c>
      <c r="J53" s="14">
        <v>996</v>
      </c>
      <c r="K53" s="14">
        <v>2299</v>
      </c>
    </row>
    <row r="54" spans="1:11" ht="15" customHeight="1">
      <c r="A54" s="17" t="s">
        <v>105</v>
      </c>
      <c r="B54" s="17"/>
      <c r="C54" s="13">
        <v>5389</v>
      </c>
      <c r="D54" s="19">
        <v>2793</v>
      </c>
      <c r="E54" s="19">
        <v>2596</v>
      </c>
      <c r="F54" s="19"/>
      <c r="G54" s="18" t="s">
        <v>106</v>
      </c>
      <c r="H54" s="17"/>
      <c r="I54" s="13">
        <v>941</v>
      </c>
      <c r="J54" s="19">
        <v>290</v>
      </c>
      <c r="K54" s="19">
        <v>651</v>
      </c>
    </row>
    <row r="55" spans="1:11" ht="15" customHeight="1">
      <c r="A55" s="17" t="s">
        <v>107</v>
      </c>
      <c r="B55" s="17"/>
      <c r="C55" s="13">
        <v>5568</v>
      </c>
      <c r="D55" s="19">
        <v>2916</v>
      </c>
      <c r="E55" s="19">
        <v>2652</v>
      </c>
      <c r="F55" s="19"/>
      <c r="G55" s="18" t="s">
        <v>108</v>
      </c>
      <c r="H55" s="17"/>
      <c r="I55" s="13">
        <v>782</v>
      </c>
      <c r="J55" s="19">
        <v>228</v>
      </c>
      <c r="K55" s="19">
        <v>554</v>
      </c>
    </row>
    <row r="56" spans="1:11" ht="15" customHeight="1">
      <c r="A56" s="17" t="s">
        <v>109</v>
      </c>
      <c r="B56" s="17"/>
      <c r="C56" s="13">
        <v>5546</v>
      </c>
      <c r="D56" s="19">
        <v>2860</v>
      </c>
      <c r="E56" s="19">
        <v>2686</v>
      </c>
      <c r="F56" s="19"/>
      <c r="G56" s="18" t="s">
        <v>110</v>
      </c>
      <c r="H56" s="17"/>
      <c r="I56" s="13">
        <v>619</v>
      </c>
      <c r="J56" s="19">
        <v>199</v>
      </c>
      <c r="K56" s="19">
        <v>420</v>
      </c>
    </row>
    <row r="57" spans="1:11" ht="15" customHeight="1">
      <c r="A57" s="17" t="s">
        <v>111</v>
      </c>
      <c r="B57" s="17"/>
      <c r="C57" s="13">
        <v>5794</v>
      </c>
      <c r="D57" s="19">
        <v>3003</v>
      </c>
      <c r="E57" s="19">
        <v>2791</v>
      </c>
      <c r="F57" s="19"/>
      <c r="G57" s="18" t="s">
        <v>112</v>
      </c>
      <c r="H57" s="17"/>
      <c r="I57" s="13">
        <v>503</v>
      </c>
      <c r="J57" s="19">
        <v>170</v>
      </c>
      <c r="K57" s="19">
        <v>333</v>
      </c>
    </row>
    <row r="58" spans="1:11" ht="15" customHeight="1">
      <c r="A58" s="17" t="s">
        <v>113</v>
      </c>
      <c r="B58" s="17"/>
      <c r="C58" s="13">
        <v>5847</v>
      </c>
      <c r="D58" s="19">
        <v>3001</v>
      </c>
      <c r="E58" s="19">
        <v>2846</v>
      </c>
      <c r="F58" s="19"/>
      <c r="G58" s="18" t="s">
        <v>114</v>
      </c>
      <c r="H58" s="17"/>
      <c r="I58" s="13">
        <v>450</v>
      </c>
      <c r="J58" s="19">
        <v>109</v>
      </c>
      <c r="K58" s="19">
        <v>341</v>
      </c>
    </row>
    <row r="59" spans="1:11" ht="20.100000000000001" customHeight="1">
      <c r="A59" s="17" t="s">
        <v>115</v>
      </c>
      <c r="B59" s="17"/>
      <c r="C59" s="13">
        <v>30781</v>
      </c>
      <c r="D59" s="14">
        <v>15760</v>
      </c>
      <c r="E59" s="14">
        <v>15021</v>
      </c>
      <c r="F59" s="14"/>
      <c r="G59" s="18" t="s">
        <v>116</v>
      </c>
      <c r="H59" s="17"/>
      <c r="I59" s="13">
        <v>811</v>
      </c>
      <c r="J59" s="14">
        <v>153</v>
      </c>
      <c r="K59" s="14">
        <v>658</v>
      </c>
    </row>
    <row r="60" spans="1:11" ht="15" customHeight="1">
      <c r="A60" s="17" t="s">
        <v>117</v>
      </c>
      <c r="B60" s="17"/>
      <c r="C60" s="13">
        <v>6227</v>
      </c>
      <c r="D60" s="19">
        <v>3236</v>
      </c>
      <c r="E60" s="19">
        <v>2991</v>
      </c>
      <c r="F60" s="19"/>
      <c r="G60" s="18" t="s">
        <v>118</v>
      </c>
      <c r="H60" s="17"/>
      <c r="I60" s="13">
        <v>311</v>
      </c>
      <c r="J60" s="19">
        <v>65</v>
      </c>
      <c r="K60" s="19">
        <v>246</v>
      </c>
    </row>
    <row r="61" spans="1:11" ht="15" customHeight="1">
      <c r="A61" s="17" t="s">
        <v>119</v>
      </c>
      <c r="B61" s="17"/>
      <c r="C61" s="13">
        <v>6180</v>
      </c>
      <c r="D61" s="19">
        <v>3166</v>
      </c>
      <c r="E61" s="19">
        <v>3014</v>
      </c>
      <c r="F61" s="19"/>
      <c r="G61" s="18" t="s">
        <v>120</v>
      </c>
      <c r="H61" s="17"/>
      <c r="I61" s="13">
        <v>186</v>
      </c>
      <c r="J61" s="19">
        <v>32</v>
      </c>
      <c r="K61" s="19">
        <v>154</v>
      </c>
    </row>
    <row r="62" spans="1:11" ht="15" customHeight="1">
      <c r="A62" s="17" t="s">
        <v>121</v>
      </c>
      <c r="B62" s="17"/>
      <c r="C62" s="13">
        <v>6060</v>
      </c>
      <c r="D62" s="19">
        <v>3106</v>
      </c>
      <c r="E62" s="19">
        <v>2954</v>
      </c>
      <c r="F62" s="19"/>
      <c r="G62" s="18" t="s">
        <v>122</v>
      </c>
      <c r="H62" s="17"/>
      <c r="I62" s="13">
        <v>143</v>
      </c>
      <c r="J62" s="19">
        <v>22</v>
      </c>
      <c r="K62" s="19">
        <v>121</v>
      </c>
    </row>
    <row r="63" spans="1:11" ht="15" customHeight="1">
      <c r="A63" s="17" t="s">
        <v>123</v>
      </c>
      <c r="B63" s="17"/>
      <c r="C63" s="13">
        <v>6151</v>
      </c>
      <c r="D63" s="19">
        <v>3124</v>
      </c>
      <c r="E63" s="19">
        <v>3027</v>
      </c>
      <c r="F63" s="19"/>
      <c r="G63" s="18" t="s">
        <v>124</v>
      </c>
      <c r="H63" s="17"/>
      <c r="I63" s="13">
        <v>105</v>
      </c>
      <c r="J63" s="19">
        <v>17</v>
      </c>
      <c r="K63" s="19">
        <v>88</v>
      </c>
    </row>
    <row r="64" spans="1:11" ht="15" customHeight="1">
      <c r="A64" s="17" t="s">
        <v>125</v>
      </c>
      <c r="B64" s="17"/>
      <c r="C64" s="13">
        <v>6163</v>
      </c>
      <c r="D64" s="19">
        <v>3128</v>
      </c>
      <c r="E64" s="19">
        <v>3035</v>
      </c>
      <c r="F64" s="19"/>
      <c r="G64" s="18" t="s">
        <v>126</v>
      </c>
      <c r="H64" s="17"/>
      <c r="I64" s="13">
        <v>66</v>
      </c>
      <c r="J64" s="19">
        <v>17</v>
      </c>
      <c r="K64" s="19">
        <v>4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1</v>
      </c>
      <c r="J65" s="19">
        <v>7</v>
      </c>
      <c r="K65" s="19">
        <v>8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420</v>
      </c>
      <c r="J66" s="29">
        <v>1799</v>
      </c>
      <c r="K66" s="29">
        <v>62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0733</v>
      </c>
      <c r="D4" s="14">
        <v>137246</v>
      </c>
      <c r="E4" s="14">
        <v>14348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687</v>
      </c>
      <c r="D5" s="14">
        <v>5868</v>
      </c>
      <c r="E5" s="14">
        <v>5819</v>
      </c>
      <c r="F5" s="14"/>
      <c r="G5" s="18" t="s">
        <v>8</v>
      </c>
      <c r="H5" s="17"/>
      <c r="I5" s="13">
        <v>21506</v>
      </c>
      <c r="J5" s="14">
        <v>11042</v>
      </c>
      <c r="K5" s="14">
        <v>10464</v>
      </c>
    </row>
    <row r="6" spans="1:11" ht="15" customHeight="1">
      <c r="A6" s="17" t="s">
        <v>9</v>
      </c>
      <c r="B6" s="17"/>
      <c r="C6" s="13">
        <v>2216</v>
      </c>
      <c r="D6" s="19">
        <v>1089</v>
      </c>
      <c r="E6" s="19">
        <v>1127</v>
      </c>
      <c r="F6" s="19"/>
      <c r="G6" s="18" t="s">
        <v>10</v>
      </c>
      <c r="H6" s="17"/>
      <c r="I6" s="13">
        <v>4743</v>
      </c>
      <c r="J6" s="19">
        <v>2456</v>
      </c>
      <c r="K6" s="19">
        <v>2287</v>
      </c>
    </row>
    <row r="7" spans="1:11" ht="15" customHeight="1">
      <c r="A7" s="17" t="s">
        <v>11</v>
      </c>
      <c r="B7" s="17"/>
      <c r="C7" s="13">
        <v>2367</v>
      </c>
      <c r="D7" s="19">
        <v>1171</v>
      </c>
      <c r="E7" s="19">
        <v>1196</v>
      </c>
      <c r="F7" s="19"/>
      <c r="G7" s="18" t="s">
        <v>12</v>
      </c>
      <c r="H7" s="17"/>
      <c r="I7" s="13">
        <v>4589</v>
      </c>
      <c r="J7" s="19">
        <v>2320</v>
      </c>
      <c r="K7" s="19">
        <v>2269</v>
      </c>
    </row>
    <row r="8" spans="1:11" ht="15" customHeight="1">
      <c r="A8" s="17" t="s">
        <v>13</v>
      </c>
      <c r="B8" s="17"/>
      <c r="C8" s="13">
        <v>2357</v>
      </c>
      <c r="D8" s="19">
        <v>1200</v>
      </c>
      <c r="E8" s="19">
        <v>1157</v>
      </c>
      <c r="F8" s="19"/>
      <c r="G8" s="18" t="s">
        <v>14</v>
      </c>
      <c r="H8" s="17"/>
      <c r="I8" s="13">
        <v>4658</v>
      </c>
      <c r="J8" s="19">
        <v>2414</v>
      </c>
      <c r="K8" s="19">
        <v>2244</v>
      </c>
    </row>
    <row r="9" spans="1:11" ht="15" customHeight="1">
      <c r="A9" s="17" t="s">
        <v>15</v>
      </c>
      <c r="B9" s="17"/>
      <c r="C9" s="13">
        <v>2513</v>
      </c>
      <c r="D9" s="19">
        <v>1258</v>
      </c>
      <c r="E9" s="19">
        <v>1255</v>
      </c>
      <c r="F9" s="19"/>
      <c r="G9" s="18" t="s">
        <v>16</v>
      </c>
      <c r="H9" s="17"/>
      <c r="I9" s="13">
        <v>3253</v>
      </c>
      <c r="J9" s="19">
        <v>1677</v>
      </c>
      <c r="K9" s="19">
        <v>1576</v>
      </c>
    </row>
    <row r="10" spans="1:11" ht="15" customHeight="1">
      <c r="A10" s="17" t="s">
        <v>17</v>
      </c>
      <c r="B10" s="17"/>
      <c r="C10" s="13">
        <v>2234</v>
      </c>
      <c r="D10" s="19">
        <v>1150</v>
      </c>
      <c r="E10" s="19">
        <v>1084</v>
      </c>
      <c r="F10" s="19"/>
      <c r="G10" s="18" t="s">
        <v>18</v>
      </c>
      <c r="H10" s="17"/>
      <c r="I10" s="13">
        <v>4263</v>
      </c>
      <c r="J10" s="19">
        <v>2175</v>
      </c>
      <c r="K10" s="19">
        <v>2088</v>
      </c>
    </row>
    <row r="11" spans="1:11" ht="20.100000000000001" customHeight="1">
      <c r="A11" s="17" t="s">
        <v>19</v>
      </c>
      <c r="B11" s="17"/>
      <c r="C11" s="13">
        <v>12051</v>
      </c>
      <c r="D11" s="14">
        <v>6135</v>
      </c>
      <c r="E11" s="14">
        <v>5916</v>
      </c>
      <c r="F11" s="14"/>
      <c r="G11" s="18" t="s">
        <v>20</v>
      </c>
      <c r="H11" s="17"/>
      <c r="I11" s="13">
        <v>17118</v>
      </c>
      <c r="J11" s="14">
        <v>8801</v>
      </c>
      <c r="K11" s="14">
        <v>8317</v>
      </c>
    </row>
    <row r="12" spans="1:11" ht="15" customHeight="1">
      <c r="A12" s="17" t="s">
        <v>21</v>
      </c>
      <c r="B12" s="17"/>
      <c r="C12" s="13">
        <v>2303</v>
      </c>
      <c r="D12" s="19">
        <v>1188</v>
      </c>
      <c r="E12" s="19">
        <v>1115</v>
      </c>
      <c r="F12" s="19"/>
      <c r="G12" s="18" t="s">
        <v>22</v>
      </c>
      <c r="H12" s="17"/>
      <c r="I12" s="13">
        <v>3772</v>
      </c>
      <c r="J12" s="19">
        <v>1966</v>
      </c>
      <c r="K12" s="19">
        <v>1806</v>
      </c>
    </row>
    <row r="13" spans="1:11" ht="15" customHeight="1">
      <c r="A13" s="17" t="s">
        <v>23</v>
      </c>
      <c r="B13" s="17"/>
      <c r="C13" s="13">
        <v>2417</v>
      </c>
      <c r="D13" s="19">
        <v>1227</v>
      </c>
      <c r="E13" s="19">
        <v>1190</v>
      </c>
      <c r="F13" s="19"/>
      <c r="G13" s="18" t="s">
        <v>24</v>
      </c>
      <c r="H13" s="17"/>
      <c r="I13" s="13">
        <v>3610</v>
      </c>
      <c r="J13" s="19">
        <v>1848</v>
      </c>
      <c r="K13" s="19">
        <v>1762</v>
      </c>
    </row>
    <row r="14" spans="1:11" ht="15" customHeight="1">
      <c r="A14" s="17" t="s">
        <v>25</v>
      </c>
      <c r="B14" s="17"/>
      <c r="C14" s="13">
        <v>2386</v>
      </c>
      <c r="D14" s="19">
        <v>1211</v>
      </c>
      <c r="E14" s="19">
        <v>1175</v>
      </c>
      <c r="F14" s="19"/>
      <c r="G14" s="18" t="s">
        <v>26</v>
      </c>
      <c r="H14" s="17"/>
      <c r="I14" s="13">
        <v>3349</v>
      </c>
      <c r="J14" s="19">
        <v>1759</v>
      </c>
      <c r="K14" s="19">
        <v>1590</v>
      </c>
    </row>
    <row r="15" spans="1:11" ht="15" customHeight="1">
      <c r="A15" s="17" t="s">
        <v>27</v>
      </c>
      <c r="B15" s="17"/>
      <c r="C15" s="13">
        <v>2415</v>
      </c>
      <c r="D15" s="19">
        <v>1226</v>
      </c>
      <c r="E15" s="19">
        <v>1189</v>
      </c>
      <c r="F15" s="19"/>
      <c r="G15" s="18" t="s">
        <v>28</v>
      </c>
      <c r="H15" s="17"/>
      <c r="I15" s="13">
        <v>3271</v>
      </c>
      <c r="J15" s="19">
        <v>1672</v>
      </c>
      <c r="K15" s="19">
        <v>1599</v>
      </c>
    </row>
    <row r="16" spans="1:11" ht="15" customHeight="1">
      <c r="A16" s="17" t="s">
        <v>29</v>
      </c>
      <c r="B16" s="17"/>
      <c r="C16" s="13">
        <v>2530</v>
      </c>
      <c r="D16" s="19">
        <v>1283</v>
      </c>
      <c r="E16" s="19">
        <v>1247</v>
      </c>
      <c r="F16" s="19"/>
      <c r="G16" s="18" t="s">
        <v>30</v>
      </c>
      <c r="H16" s="17"/>
      <c r="I16" s="13">
        <v>3116</v>
      </c>
      <c r="J16" s="19">
        <v>1556</v>
      </c>
      <c r="K16" s="19">
        <v>1560</v>
      </c>
    </row>
    <row r="17" spans="1:11" ht="20.100000000000001" customHeight="1">
      <c r="A17" s="20" t="s">
        <v>31</v>
      </c>
      <c r="B17" s="20"/>
      <c r="C17" s="13">
        <v>12862</v>
      </c>
      <c r="D17" s="14">
        <v>6612</v>
      </c>
      <c r="E17" s="14">
        <v>6250</v>
      </c>
      <c r="F17" s="14"/>
      <c r="G17" s="18" t="s">
        <v>32</v>
      </c>
      <c r="H17" s="17"/>
      <c r="I17" s="13">
        <v>14125</v>
      </c>
      <c r="J17" s="14">
        <v>6985</v>
      </c>
      <c r="K17" s="14">
        <v>7140</v>
      </c>
    </row>
    <row r="18" spans="1:11" ht="15" customHeight="1">
      <c r="A18" s="17" t="s">
        <v>33</v>
      </c>
      <c r="B18" s="17"/>
      <c r="C18" s="13">
        <v>2504</v>
      </c>
      <c r="D18" s="19">
        <v>1276</v>
      </c>
      <c r="E18" s="19">
        <v>1228</v>
      </c>
      <c r="F18" s="19"/>
      <c r="G18" s="18" t="s">
        <v>34</v>
      </c>
      <c r="H18" s="17"/>
      <c r="I18" s="13">
        <v>2847</v>
      </c>
      <c r="J18" s="19">
        <v>1463</v>
      </c>
      <c r="K18" s="19">
        <v>1384</v>
      </c>
    </row>
    <row r="19" spans="1:11" ht="15" customHeight="1">
      <c r="A19" s="17" t="s">
        <v>35</v>
      </c>
      <c r="B19" s="17"/>
      <c r="C19" s="13">
        <v>2571</v>
      </c>
      <c r="D19" s="19">
        <v>1326</v>
      </c>
      <c r="E19" s="19">
        <v>1245</v>
      </c>
      <c r="F19" s="19"/>
      <c r="G19" s="18" t="s">
        <v>36</v>
      </c>
      <c r="H19" s="17"/>
      <c r="I19" s="13">
        <v>2942</v>
      </c>
      <c r="J19" s="19">
        <v>1475</v>
      </c>
      <c r="K19" s="19">
        <v>1467</v>
      </c>
    </row>
    <row r="20" spans="1:11" ht="15" customHeight="1">
      <c r="A20" s="17" t="s">
        <v>37</v>
      </c>
      <c r="B20" s="17"/>
      <c r="C20" s="13">
        <v>2635</v>
      </c>
      <c r="D20" s="19">
        <v>1382</v>
      </c>
      <c r="E20" s="19">
        <v>1253</v>
      </c>
      <c r="F20" s="19"/>
      <c r="G20" s="18" t="s">
        <v>38</v>
      </c>
      <c r="H20" s="17"/>
      <c r="I20" s="13">
        <v>2645</v>
      </c>
      <c r="J20" s="19">
        <v>1281</v>
      </c>
      <c r="K20" s="19">
        <v>1364</v>
      </c>
    </row>
    <row r="21" spans="1:11" ht="15" customHeight="1">
      <c r="A21" s="17" t="s">
        <v>39</v>
      </c>
      <c r="B21" s="17"/>
      <c r="C21" s="13">
        <v>2710</v>
      </c>
      <c r="D21" s="19">
        <v>1351</v>
      </c>
      <c r="E21" s="19">
        <v>1359</v>
      </c>
      <c r="F21" s="19"/>
      <c r="G21" s="18" t="s">
        <v>40</v>
      </c>
      <c r="H21" s="17"/>
      <c r="I21" s="13">
        <v>2781</v>
      </c>
      <c r="J21" s="19">
        <v>1390</v>
      </c>
      <c r="K21" s="19">
        <v>1391</v>
      </c>
    </row>
    <row r="22" spans="1:11" ht="15" customHeight="1">
      <c r="A22" s="17" t="s">
        <v>41</v>
      </c>
      <c r="B22" s="17"/>
      <c r="C22" s="13">
        <v>2442</v>
      </c>
      <c r="D22" s="19">
        <v>1277</v>
      </c>
      <c r="E22" s="19">
        <v>1165</v>
      </c>
      <c r="F22" s="19"/>
      <c r="G22" s="18" t="s">
        <v>42</v>
      </c>
      <c r="H22" s="17"/>
      <c r="I22" s="13">
        <v>2910</v>
      </c>
      <c r="J22" s="19">
        <v>1376</v>
      </c>
      <c r="K22" s="19">
        <v>1534</v>
      </c>
    </row>
    <row r="23" spans="1:11" ht="20.100000000000001" customHeight="1">
      <c r="A23" s="17" t="s">
        <v>43</v>
      </c>
      <c r="B23" s="17"/>
      <c r="C23" s="13">
        <v>13534</v>
      </c>
      <c r="D23" s="14">
        <v>6894</v>
      </c>
      <c r="E23" s="14">
        <v>6640</v>
      </c>
      <c r="F23" s="14"/>
      <c r="G23" s="18" t="s">
        <v>44</v>
      </c>
      <c r="H23" s="17"/>
      <c r="I23" s="13">
        <v>16375</v>
      </c>
      <c r="J23" s="14">
        <v>7822</v>
      </c>
      <c r="K23" s="14">
        <v>8553</v>
      </c>
    </row>
    <row r="24" spans="1:11" ht="15" customHeight="1">
      <c r="A24" s="17" t="s">
        <v>45</v>
      </c>
      <c r="B24" s="17"/>
      <c r="C24" s="13">
        <v>2594</v>
      </c>
      <c r="D24" s="19">
        <v>1304</v>
      </c>
      <c r="E24" s="19">
        <v>1290</v>
      </c>
      <c r="F24" s="19"/>
      <c r="G24" s="18" t="s">
        <v>46</v>
      </c>
      <c r="H24" s="17"/>
      <c r="I24" s="13">
        <v>2950</v>
      </c>
      <c r="J24" s="19">
        <v>1398</v>
      </c>
      <c r="K24" s="19">
        <v>1552</v>
      </c>
    </row>
    <row r="25" spans="1:11" ht="15" customHeight="1">
      <c r="A25" s="17" t="s">
        <v>47</v>
      </c>
      <c r="B25" s="17"/>
      <c r="C25" s="13">
        <v>2713</v>
      </c>
      <c r="D25" s="19">
        <v>1370</v>
      </c>
      <c r="E25" s="19">
        <v>1343</v>
      </c>
      <c r="F25" s="19"/>
      <c r="G25" s="18" t="s">
        <v>48</v>
      </c>
      <c r="H25" s="17"/>
      <c r="I25" s="13">
        <v>3018</v>
      </c>
      <c r="J25" s="19">
        <v>1414</v>
      </c>
      <c r="K25" s="19">
        <v>1604</v>
      </c>
    </row>
    <row r="26" spans="1:11" ht="15" customHeight="1">
      <c r="A26" s="17" t="s">
        <v>49</v>
      </c>
      <c r="B26" s="17"/>
      <c r="C26" s="13">
        <v>2707</v>
      </c>
      <c r="D26" s="19">
        <v>1372</v>
      </c>
      <c r="E26" s="19">
        <v>1335</v>
      </c>
      <c r="F26" s="19"/>
      <c r="G26" s="18" t="s">
        <v>50</v>
      </c>
      <c r="H26" s="17"/>
      <c r="I26" s="13">
        <v>3240</v>
      </c>
      <c r="J26" s="19">
        <v>1549</v>
      </c>
      <c r="K26" s="19">
        <v>1691</v>
      </c>
    </row>
    <row r="27" spans="1:11" ht="15" customHeight="1">
      <c r="A27" s="17" t="s">
        <v>51</v>
      </c>
      <c r="B27" s="17"/>
      <c r="C27" s="13">
        <v>2669</v>
      </c>
      <c r="D27" s="19">
        <v>1381</v>
      </c>
      <c r="E27" s="19">
        <v>1288</v>
      </c>
      <c r="F27" s="19"/>
      <c r="G27" s="18" t="s">
        <v>52</v>
      </c>
      <c r="H27" s="17"/>
      <c r="I27" s="13">
        <v>3436</v>
      </c>
      <c r="J27" s="19">
        <v>1696</v>
      </c>
      <c r="K27" s="19">
        <v>1740</v>
      </c>
    </row>
    <row r="28" spans="1:11" ht="15" customHeight="1">
      <c r="A28" s="17" t="s">
        <v>53</v>
      </c>
      <c r="B28" s="17"/>
      <c r="C28" s="13">
        <v>2851</v>
      </c>
      <c r="D28" s="19">
        <v>1467</v>
      </c>
      <c r="E28" s="19">
        <v>1384</v>
      </c>
      <c r="F28" s="19"/>
      <c r="G28" s="18" t="s">
        <v>54</v>
      </c>
      <c r="H28" s="17"/>
      <c r="I28" s="13">
        <v>3731</v>
      </c>
      <c r="J28" s="19">
        <v>1765</v>
      </c>
      <c r="K28" s="19">
        <v>1966</v>
      </c>
    </row>
    <row r="29" spans="1:11" ht="20.100000000000001" customHeight="1">
      <c r="A29" s="17" t="s">
        <v>55</v>
      </c>
      <c r="B29" s="17"/>
      <c r="C29" s="13">
        <v>14626</v>
      </c>
      <c r="D29" s="14">
        <v>7273</v>
      </c>
      <c r="E29" s="14">
        <v>7353</v>
      </c>
      <c r="F29" s="14"/>
      <c r="G29" s="18" t="s">
        <v>56</v>
      </c>
      <c r="H29" s="17"/>
      <c r="I29" s="13">
        <v>17797</v>
      </c>
      <c r="J29" s="14">
        <v>8260</v>
      </c>
      <c r="K29" s="14">
        <v>9537</v>
      </c>
    </row>
    <row r="30" spans="1:11" ht="15" customHeight="1">
      <c r="A30" s="17" t="s">
        <v>57</v>
      </c>
      <c r="B30" s="17"/>
      <c r="C30" s="13">
        <v>2854</v>
      </c>
      <c r="D30" s="19">
        <v>1455</v>
      </c>
      <c r="E30" s="19">
        <v>1399</v>
      </c>
      <c r="F30" s="19"/>
      <c r="G30" s="18" t="s">
        <v>58</v>
      </c>
      <c r="H30" s="17"/>
      <c r="I30" s="13">
        <v>4154</v>
      </c>
      <c r="J30" s="19">
        <v>1915</v>
      </c>
      <c r="K30" s="19">
        <v>2239</v>
      </c>
    </row>
    <row r="31" spans="1:11" ht="15" customHeight="1">
      <c r="A31" s="17" t="s">
        <v>59</v>
      </c>
      <c r="B31" s="17"/>
      <c r="C31" s="13">
        <v>2910</v>
      </c>
      <c r="D31" s="19">
        <v>1457</v>
      </c>
      <c r="E31" s="19">
        <v>1453</v>
      </c>
      <c r="F31" s="19"/>
      <c r="G31" s="18" t="s">
        <v>60</v>
      </c>
      <c r="H31" s="17"/>
      <c r="I31" s="13">
        <v>4054</v>
      </c>
      <c r="J31" s="19">
        <v>1910</v>
      </c>
      <c r="K31" s="19">
        <v>2144</v>
      </c>
    </row>
    <row r="32" spans="1:11" ht="15" customHeight="1">
      <c r="A32" s="17" t="s">
        <v>61</v>
      </c>
      <c r="B32" s="17"/>
      <c r="C32" s="13">
        <v>2948</v>
      </c>
      <c r="D32" s="19">
        <v>1480</v>
      </c>
      <c r="E32" s="19">
        <v>1468</v>
      </c>
      <c r="F32" s="19"/>
      <c r="G32" s="18" t="s">
        <v>62</v>
      </c>
      <c r="H32" s="17"/>
      <c r="I32" s="13">
        <v>4175</v>
      </c>
      <c r="J32" s="19">
        <v>1976</v>
      </c>
      <c r="K32" s="19">
        <v>2199</v>
      </c>
    </row>
    <row r="33" spans="1:11" ht="15" customHeight="1">
      <c r="A33" s="17" t="s">
        <v>63</v>
      </c>
      <c r="B33" s="17"/>
      <c r="C33" s="13">
        <v>3013</v>
      </c>
      <c r="D33" s="19">
        <v>1471</v>
      </c>
      <c r="E33" s="19">
        <v>1542</v>
      </c>
      <c r="F33" s="19"/>
      <c r="G33" s="18" t="s">
        <v>64</v>
      </c>
      <c r="H33" s="17"/>
      <c r="I33" s="13">
        <v>2873</v>
      </c>
      <c r="J33" s="19">
        <v>1314</v>
      </c>
      <c r="K33" s="19">
        <v>1559</v>
      </c>
    </row>
    <row r="34" spans="1:11" ht="15" customHeight="1">
      <c r="A34" s="17" t="s">
        <v>65</v>
      </c>
      <c r="B34" s="17"/>
      <c r="C34" s="13">
        <v>2901</v>
      </c>
      <c r="D34" s="19">
        <v>1410</v>
      </c>
      <c r="E34" s="19">
        <v>1491</v>
      </c>
      <c r="F34" s="19"/>
      <c r="G34" s="18" t="s">
        <v>66</v>
      </c>
      <c r="H34" s="17"/>
      <c r="I34" s="13">
        <v>2541</v>
      </c>
      <c r="J34" s="19">
        <v>1145</v>
      </c>
      <c r="K34" s="19">
        <v>1396</v>
      </c>
    </row>
    <row r="35" spans="1:11" ht="20.100000000000001" customHeight="1">
      <c r="A35" s="17" t="s">
        <v>67</v>
      </c>
      <c r="B35" s="17"/>
      <c r="C35" s="13">
        <v>13033</v>
      </c>
      <c r="D35" s="14">
        <v>6537</v>
      </c>
      <c r="E35" s="14">
        <v>6496</v>
      </c>
      <c r="F35" s="14"/>
      <c r="G35" s="18" t="s">
        <v>68</v>
      </c>
      <c r="H35" s="17"/>
      <c r="I35" s="13">
        <v>15615</v>
      </c>
      <c r="J35" s="14">
        <v>6923</v>
      </c>
      <c r="K35" s="14">
        <v>8692</v>
      </c>
    </row>
    <row r="36" spans="1:11" ht="15" customHeight="1">
      <c r="A36" s="17" t="s">
        <v>69</v>
      </c>
      <c r="B36" s="17"/>
      <c r="C36" s="13">
        <v>2765</v>
      </c>
      <c r="D36" s="19">
        <v>1383</v>
      </c>
      <c r="E36" s="19">
        <v>1382</v>
      </c>
      <c r="F36" s="19"/>
      <c r="G36" s="18" t="s">
        <v>70</v>
      </c>
      <c r="H36" s="17"/>
      <c r="I36" s="13">
        <v>3209</v>
      </c>
      <c r="J36" s="19">
        <v>1473</v>
      </c>
      <c r="K36" s="19">
        <v>1736</v>
      </c>
    </row>
    <row r="37" spans="1:11" ht="15" customHeight="1">
      <c r="A37" s="17" t="s">
        <v>71</v>
      </c>
      <c r="B37" s="17"/>
      <c r="C37" s="13">
        <v>2480</v>
      </c>
      <c r="D37" s="19">
        <v>1251</v>
      </c>
      <c r="E37" s="19">
        <v>1229</v>
      </c>
      <c r="F37" s="19"/>
      <c r="G37" s="18" t="s">
        <v>72</v>
      </c>
      <c r="H37" s="17"/>
      <c r="I37" s="13">
        <v>3214</v>
      </c>
      <c r="J37" s="19">
        <v>1422</v>
      </c>
      <c r="K37" s="19">
        <v>1792</v>
      </c>
    </row>
    <row r="38" spans="1:11" ht="15" customHeight="1">
      <c r="A38" s="17" t="s">
        <v>73</v>
      </c>
      <c r="B38" s="17"/>
      <c r="C38" s="13">
        <v>2531</v>
      </c>
      <c r="D38" s="19">
        <v>1250</v>
      </c>
      <c r="E38" s="19">
        <v>1281</v>
      </c>
      <c r="F38" s="19"/>
      <c r="G38" s="18" t="s">
        <v>74</v>
      </c>
      <c r="H38" s="17"/>
      <c r="I38" s="13">
        <v>3206</v>
      </c>
      <c r="J38" s="19">
        <v>1419</v>
      </c>
      <c r="K38" s="19">
        <v>1787</v>
      </c>
    </row>
    <row r="39" spans="1:11" ht="15" customHeight="1">
      <c r="A39" s="17" t="s">
        <v>75</v>
      </c>
      <c r="B39" s="17"/>
      <c r="C39" s="13">
        <v>2625</v>
      </c>
      <c r="D39" s="19">
        <v>1361</v>
      </c>
      <c r="E39" s="19">
        <v>1264</v>
      </c>
      <c r="F39" s="19"/>
      <c r="G39" s="18" t="s">
        <v>76</v>
      </c>
      <c r="H39" s="17"/>
      <c r="I39" s="13">
        <v>3166</v>
      </c>
      <c r="J39" s="19">
        <v>1372</v>
      </c>
      <c r="K39" s="19">
        <v>1794</v>
      </c>
    </row>
    <row r="40" spans="1:11" ht="15" customHeight="1">
      <c r="A40" s="17" t="s">
        <v>77</v>
      </c>
      <c r="B40" s="17"/>
      <c r="C40" s="13">
        <v>2632</v>
      </c>
      <c r="D40" s="19">
        <v>1292</v>
      </c>
      <c r="E40" s="19">
        <v>1340</v>
      </c>
      <c r="F40" s="19"/>
      <c r="G40" s="18" t="s">
        <v>78</v>
      </c>
      <c r="H40" s="17"/>
      <c r="I40" s="13">
        <v>2820</v>
      </c>
      <c r="J40" s="19">
        <v>1237</v>
      </c>
      <c r="K40" s="19">
        <v>1583</v>
      </c>
    </row>
    <row r="41" spans="1:11" ht="20.100000000000001" customHeight="1">
      <c r="A41" s="17" t="s">
        <v>79</v>
      </c>
      <c r="B41" s="17"/>
      <c r="C41" s="13">
        <v>14870</v>
      </c>
      <c r="D41" s="14">
        <v>7421</v>
      </c>
      <c r="E41" s="14">
        <v>7449</v>
      </c>
      <c r="F41" s="14"/>
      <c r="G41" s="18" t="s">
        <v>80</v>
      </c>
      <c r="H41" s="17"/>
      <c r="I41" s="13">
        <v>11448</v>
      </c>
      <c r="J41" s="14">
        <v>5020</v>
      </c>
      <c r="K41" s="14">
        <v>6428</v>
      </c>
    </row>
    <row r="42" spans="1:11" ht="15" customHeight="1">
      <c r="A42" s="17" t="s">
        <v>81</v>
      </c>
      <c r="B42" s="17"/>
      <c r="C42" s="13">
        <v>2668</v>
      </c>
      <c r="D42" s="19">
        <v>1335</v>
      </c>
      <c r="E42" s="19">
        <v>1333</v>
      </c>
      <c r="F42" s="19"/>
      <c r="G42" s="18" t="s">
        <v>82</v>
      </c>
      <c r="H42" s="17"/>
      <c r="I42" s="13">
        <v>2507</v>
      </c>
      <c r="J42" s="19">
        <v>1113</v>
      </c>
      <c r="K42" s="19">
        <v>1394</v>
      </c>
    </row>
    <row r="43" spans="1:11" ht="15" customHeight="1">
      <c r="A43" s="17" t="s">
        <v>83</v>
      </c>
      <c r="B43" s="17"/>
      <c r="C43" s="13">
        <v>2878</v>
      </c>
      <c r="D43" s="19">
        <v>1384</v>
      </c>
      <c r="E43" s="19">
        <v>1494</v>
      </c>
      <c r="F43" s="19"/>
      <c r="G43" s="18" t="s">
        <v>84</v>
      </c>
      <c r="H43" s="17"/>
      <c r="I43" s="13">
        <v>2283</v>
      </c>
      <c r="J43" s="19">
        <v>1058</v>
      </c>
      <c r="K43" s="19">
        <v>1225</v>
      </c>
    </row>
    <row r="44" spans="1:11" ht="15" customHeight="1">
      <c r="A44" s="17" t="s">
        <v>85</v>
      </c>
      <c r="B44" s="17"/>
      <c r="C44" s="13">
        <v>3029</v>
      </c>
      <c r="D44" s="19">
        <v>1546</v>
      </c>
      <c r="E44" s="19">
        <v>1483</v>
      </c>
      <c r="F44" s="19"/>
      <c r="G44" s="18" t="s">
        <v>86</v>
      </c>
      <c r="H44" s="17"/>
      <c r="I44" s="13">
        <v>2369</v>
      </c>
      <c r="J44" s="19">
        <v>1034</v>
      </c>
      <c r="K44" s="19">
        <v>1335</v>
      </c>
    </row>
    <row r="45" spans="1:11" ht="15" customHeight="1">
      <c r="A45" s="17" t="s">
        <v>87</v>
      </c>
      <c r="B45" s="17"/>
      <c r="C45" s="13">
        <v>3022</v>
      </c>
      <c r="D45" s="19">
        <v>1490</v>
      </c>
      <c r="E45" s="19">
        <v>1532</v>
      </c>
      <c r="F45" s="19"/>
      <c r="G45" s="18" t="s">
        <v>88</v>
      </c>
      <c r="H45" s="17"/>
      <c r="I45" s="13">
        <v>2188</v>
      </c>
      <c r="J45" s="19">
        <v>930</v>
      </c>
      <c r="K45" s="19">
        <v>1258</v>
      </c>
    </row>
    <row r="46" spans="1:11" ht="15" customHeight="1">
      <c r="A46" s="17" t="s">
        <v>89</v>
      </c>
      <c r="B46" s="17"/>
      <c r="C46" s="13">
        <v>3273</v>
      </c>
      <c r="D46" s="19">
        <v>1666</v>
      </c>
      <c r="E46" s="19">
        <v>1607</v>
      </c>
      <c r="F46" s="19"/>
      <c r="G46" s="18" t="s">
        <v>90</v>
      </c>
      <c r="H46" s="17"/>
      <c r="I46" s="13">
        <v>2101</v>
      </c>
      <c r="J46" s="19">
        <v>885</v>
      </c>
      <c r="K46" s="19">
        <v>1216</v>
      </c>
    </row>
    <row r="47" spans="1:11" ht="20.100000000000001" customHeight="1">
      <c r="A47" s="17" t="s">
        <v>91</v>
      </c>
      <c r="B47" s="17"/>
      <c r="C47" s="13">
        <v>17100</v>
      </c>
      <c r="D47" s="14">
        <v>8620</v>
      </c>
      <c r="E47" s="14">
        <v>8480</v>
      </c>
      <c r="F47" s="14"/>
      <c r="G47" s="18" t="s">
        <v>92</v>
      </c>
      <c r="H47" s="17"/>
      <c r="I47" s="13">
        <v>6734</v>
      </c>
      <c r="J47" s="14">
        <v>2616</v>
      </c>
      <c r="K47" s="14">
        <v>4118</v>
      </c>
    </row>
    <row r="48" spans="1:11" ht="15" customHeight="1">
      <c r="A48" s="17" t="s">
        <v>93</v>
      </c>
      <c r="B48" s="17"/>
      <c r="C48" s="13">
        <v>3336</v>
      </c>
      <c r="D48" s="19">
        <v>1665</v>
      </c>
      <c r="E48" s="19">
        <v>1671</v>
      </c>
      <c r="F48" s="19"/>
      <c r="G48" s="18" t="s">
        <v>94</v>
      </c>
      <c r="H48" s="17"/>
      <c r="I48" s="13">
        <v>1656</v>
      </c>
      <c r="J48" s="19">
        <v>702</v>
      </c>
      <c r="K48" s="19">
        <v>954</v>
      </c>
    </row>
    <row r="49" spans="1:11" ht="15" customHeight="1">
      <c r="A49" s="17" t="s">
        <v>95</v>
      </c>
      <c r="B49" s="17"/>
      <c r="C49" s="13">
        <v>3291</v>
      </c>
      <c r="D49" s="19">
        <v>1659</v>
      </c>
      <c r="E49" s="19">
        <v>1632</v>
      </c>
      <c r="F49" s="19"/>
      <c r="G49" s="18" t="s">
        <v>96</v>
      </c>
      <c r="H49" s="17"/>
      <c r="I49" s="13">
        <v>1576</v>
      </c>
      <c r="J49" s="19">
        <v>628</v>
      </c>
      <c r="K49" s="19">
        <v>948</v>
      </c>
    </row>
    <row r="50" spans="1:11" ht="15" customHeight="1">
      <c r="A50" s="17" t="s">
        <v>97</v>
      </c>
      <c r="B50" s="17"/>
      <c r="C50" s="13">
        <v>3381</v>
      </c>
      <c r="D50" s="19">
        <v>1721</v>
      </c>
      <c r="E50" s="19">
        <v>1660</v>
      </c>
      <c r="F50" s="19"/>
      <c r="G50" s="18" t="s">
        <v>98</v>
      </c>
      <c r="H50" s="17"/>
      <c r="I50" s="13">
        <v>1362</v>
      </c>
      <c r="J50" s="19">
        <v>552</v>
      </c>
      <c r="K50" s="19">
        <v>810</v>
      </c>
    </row>
    <row r="51" spans="1:11" ht="15" customHeight="1">
      <c r="A51" s="17" t="s">
        <v>99</v>
      </c>
      <c r="B51" s="17"/>
      <c r="C51" s="13">
        <v>3447</v>
      </c>
      <c r="D51" s="19">
        <v>1763</v>
      </c>
      <c r="E51" s="19">
        <v>1684</v>
      </c>
      <c r="F51" s="19"/>
      <c r="G51" s="18" t="s">
        <v>100</v>
      </c>
      <c r="H51" s="17"/>
      <c r="I51" s="13">
        <v>1132</v>
      </c>
      <c r="J51" s="19">
        <v>404</v>
      </c>
      <c r="K51" s="19">
        <v>728</v>
      </c>
    </row>
    <row r="52" spans="1:11" ht="15" customHeight="1">
      <c r="A52" s="17" t="s">
        <v>101</v>
      </c>
      <c r="B52" s="17"/>
      <c r="C52" s="13">
        <v>3645</v>
      </c>
      <c r="D52" s="19">
        <v>1812</v>
      </c>
      <c r="E52" s="19">
        <v>1833</v>
      </c>
      <c r="F52" s="19"/>
      <c r="G52" s="18" t="s">
        <v>102</v>
      </c>
      <c r="H52" s="17"/>
      <c r="I52" s="13">
        <v>1008</v>
      </c>
      <c r="J52" s="19">
        <v>330</v>
      </c>
      <c r="K52" s="19">
        <v>678</v>
      </c>
    </row>
    <row r="53" spans="1:11" ht="20.100000000000001" customHeight="1">
      <c r="A53" s="17" t="s">
        <v>103</v>
      </c>
      <c r="B53" s="17"/>
      <c r="C53" s="13">
        <v>20838</v>
      </c>
      <c r="D53" s="14">
        <v>10553</v>
      </c>
      <c r="E53" s="14">
        <v>10285</v>
      </c>
      <c r="F53" s="14"/>
      <c r="G53" s="18" t="s">
        <v>104</v>
      </c>
      <c r="H53" s="17"/>
      <c r="I53" s="13">
        <v>3038</v>
      </c>
      <c r="J53" s="14">
        <v>903</v>
      </c>
      <c r="K53" s="14">
        <v>2135</v>
      </c>
    </row>
    <row r="54" spans="1:11" ht="15" customHeight="1">
      <c r="A54" s="17" t="s">
        <v>105</v>
      </c>
      <c r="B54" s="17"/>
      <c r="C54" s="13">
        <v>3793</v>
      </c>
      <c r="D54" s="19">
        <v>1885</v>
      </c>
      <c r="E54" s="19">
        <v>1908</v>
      </c>
      <c r="F54" s="19"/>
      <c r="G54" s="18" t="s">
        <v>106</v>
      </c>
      <c r="H54" s="17"/>
      <c r="I54" s="13">
        <v>805</v>
      </c>
      <c r="J54" s="19">
        <v>259</v>
      </c>
      <c r="K54" s="19">
        <v>546</v>
      </c>
    </row>
    <row r="55" spans="1:11" ht="15" customHeight="1">
      <c r="A55" s="17" t="s">
        <v>107</v>
      </c>
      <c r="B55" s="17"/>
      <c r="C55" s="13">
        <v>3914</v>
      </c>
      <c r="D55" s="19">
        <v>2022</v>
      </c>
      <c r="E55" s="19">
        <v>1892</v>
      </c>
      <c r="F55" s="19"/>
      <c r="G55" s="18" t="s">
        <v>108</v>
      </c>
      <c r="H55" s="17"/>
      <c r="I55" s="13">
        <v>721</v>
      </c>
      <c r="J55" s="19">
        <v>215</v>
      </c>
      <c r="K55" s="19">
        <v>506</v>
      </c>
    </row>
    <row r="56" spans="1:11" ht="15" customHeight="1">
      <c r="A56" s="17" t="s">
        <v>109</v>
      </c>
      <c r="B56" s="17"/>
      <c r="C56" s="13">
        <v>4125</v>
      </c>
      <c r="D56" s="19">
        <v>2094</v>
      </c>
      <c r="E56" s="19">
        <v>2031</v>
      </c>
      <c r="F56" s="19"/>
      <c r="G56" s="18" t="s">
        <v>110</v>
      </c>
      <c r="H56" s="17"/>
      <c r="I56" s="13">
        <v>578</v>
      </c>
      <c r="J56" s="19">
        <v>184</v>
      </c>
      <c r="K56" s="19">
        <v>394</v>
      </c>
    </row>
    <row r="57" spans="1:11" ht="15" customHeight="1">
      <c r="A57" s="17" t="s">
        <v>111</v>
      </c>
      <c r="B57" s="17"/>
      <c r="C57" s="13">
        <v>4449</v>
      </c>
      <c r="D57" s="19">
        <v>2253</v>
      </c>
      <c r="E57" s="19">
        <v>2196</v>
      </c>
      <c r="F57" s="19"/>
      <c r="G57" s="18" t="s">
        <v>112</v>
      </c>
      <c r="H57" s="17"/>
      <c r="I57" s="13">
        <v>509</v>
      </c>
      <c r="J57" s="19">
        <v>132</v>
      </c>
      <c r="K57" s="19">
        <v>377</v>
      </c>
    </row>
    <row r="58" spans="1:11" ht="15" customHeight="1">
      <c r="A58" s="17" t="s">
        <v>113</v>
      </c>
      <c r="B58" s="17"/>
      <c r="C58" s="13">
        <v>4557</v>
      </c>
      <c r="D58" s="19">
        <v>2299</v>
      </c>
      <c r="E58" s="19">
        <v>2258</v>
      </c>
      <c r="F58" s="19"/>
      <c r="G58" s="18" t="s">
        <v>114</v>
      </c>
      <c r="H58" s="17"/>
      <c r="I58" s="13">
        <v>425</v>
      </c>
      <c r="J58" s="19">
        <v>113</v>
      </c>
      <c r="K58" s="19">
        <v>312</v>
      </c>
    </row>
    <row r="59" spans="1:11" ht="20.100000000000001" customHeight="1">
      <c r="A59" s="17" t="s">
        <v>115</v>
      </c>
      <c r="B59" s="17"/>
      <c r="C59" s="13">
        <v>24315</v>
      </c>
      <c r="D59" s="14">
        <v>12150</v>
      </c>
      <c r="E59" s="14">
        <v>12165</v>
      </c>
      <c r="F59" s="14"/>
      <c r="G59" s="18" t="s">
        <v>116</v>
      </c>
      <c r="H59" s="17"/>
      <c r="I59" s="13">
        <v>812</v>
      </c>
      <c r="J59" s="14">
        <v>167</v>
      </c>
      <c r="K59" s="14">
        <v>645</v>
      </c>
    </row>
    <row r="60" spans="1:11" ht="15" customHeight="1">
      <c r="A60" s="17" t="s">
        <v>117</v>
      </c>
      <c r="B60" s="17"/>
      <c r="C60" s="13">
        <v>4726</v>
      </c>
      <c r="D60" s="19">
        <v>2368</v>
      </c>
      <c r="E60" s="19">
        <v>2358</v>
      </c>
      <c r="F60" s="19"/>
      <c r="G60" s="18" t="s">
        <v>118</v>
      </c>
      <c r="H60" s="17"/>
      <c r="I60" s="13">
        <v>287</v>
      </c>
      <c r="J60" s="19">
        <v>60</v>
      </c>
      <c r="K60" s="19">
        <v>227</v>
      </c>
    </row>
    <row r="61" spans="1:11" ht="15" customHeight="1">
      <c r="A61" s="17" t="s">
        <v>119</v>
      </c>
      <c r="B61" s="17"/>
      <c r="C61" s="13">
        <v>4980</v>
      </c>
      <c r="D61" s="19">
        <v>2472</v>
      </c>
      <c r="E61" s="19">
        <v>2508</v>
      </c>
      <c r="F61" s="19"/>
      <c r="G61" s="18" t="s">
        <v>120</v>
      </c>
      <c r="H61" s="17"/>
      <c r="I61" s="13">
        <v>203</v>
      </c>
      <c r="J61" s="19">
        <v>45</v>
      </c>
      <c r="K61" s="19">
        <v>158</v>
      </c>
    </row>
    <row r="62" spans="1:11" ht="15" customHeight="1">
      <c r="A62" s="17" t="s">
        <v>121</v>
      </c>
      <c r="B62" s="17"/>
      <c r="C62" s="13">
        <v>4885</v>
      </c>
      <c r="D62" s="19">
        <v>2487</v>
      </c>
      <c r="E62" s="19">
        <v>2398</v>
      </c>
      <c r="F62" s="19"/>
      <c r="G62" s="18" t="s">
        <v>122</v>
      </c>
      <c r="H62" s="17"/>
      <c r="I62" s="13">
        <v>146</v>
      </c>
      <c r="J62" s="19">
        <v>29</v>
      </c>
      <c r="K62" s="19">
        <v>117</v>
      </c>
    </row>
    <row r="63" spans="1:11" ht="15" customHeight="1">
      <c r="A63" s="17" t="s">
        <v>123</v>
      </c>
      <c r="B63" s="17"/>
      <c r="C63" s="13">
        <v>4834</v>
      </c>
      <c r="D63" s="19">
        <v>2385</v>
      </c>
      <c r="E63" s="19">
        <v>2449</v>
      </c>
      <c r="F63" s="19"/>
      <c r="G63" s="18" t="s">
        <v>124</v>
      </c>
      <c r="H63" s="17"/>
      <c r="I63" s="13">
        <v>105</v>
      </c>
      <c r="J63" s="19">
        <v>22</v>
      </c>
      <c r="K63" s="19">
        <v>83</v>
      </c>
    </row>
    <row r="64" spans="1:11" ht="15" customHeight="1">
      <c r="A64" s="17" t="s">
        <v>125</v>
      </c>
      <c r="B64" s="17"/>
      <c r="C64" s="13">
        <v>4890</v>
      </c>
      <c r="D64" s="19">
        <v>2438</v>
      </c>
      <c r="E64" s="19">
        <v>2452</v>
      </c>
      <c r="F64" s="19"/>
      <c r="G64" s="18" t="s">
        <v>126</v>
      </c>
      <c r="H64" s="17"/>
      <c r="I64" s="13">
        <v>71</v>
      </c>
      <c r="J64" s="19">
        <v>11</v>
      </c>
      <c r="K64" s="19">
        <v>6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2</v>
      </c>
      <c r="J65" s="19">
        <v>14</v>
      </c>
      <c r="K65" s="19">
        <v>10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27</v>
      </c>
      <c r="J66" s="29">
        <v>630</v>
      </c>
      <c r="K66" s="29">
        <v>497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3751</v>
      </c>
      <c r="D4" s="14">
        <v>104721</v>
      </c>
      <c r="E4" s="14">
        <v>10903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942</v>
      </c>
      <c r="D5" s="14">
        <v>3546</v>
      </c>
      <c r="E5" s="14">
        <v>3396</v>
      </c>
      <c r="F5" s="14"/>
      <c r="G5" s="18" t="s">
        <v>8</v>
      </c>
      <c r="H5" s="17"/>
      <c r="I5" s="13">
        <v>16871</v>
      </c>
      <c r="J5" s="14">
        <v>8518</v>
      </c>
      <c r="K5" s="14">
        <v>8353</v>
      </c>
    </row>
    <row r="6" spans="1:11" ht="15" customHeight="1">
      <c r="A6" s="17" t="s">
        <v>9</v>
      </c>
      <c r="B6" s="17"/>
      <c r="C6" s="13">
        <v>1285</v>
      </c>
      <c r="D6" s="19">
        <v>668</v>
      </c>
      <c r="E6" s="19">
        <v>617</v>
      </c>
      <c r="F6" s="19"/>
      <c r="G6" s="18" t="s">
        <v>10</v>
      </c>
      <c r="H6" s="17"/>
      <c r="I6" s="13">
        <v>3659</v>
      </c>
      <c r="J6" s="19">
        <v>1824</v>
      </c>
      <c r="K6" s="19">
        <v>1835</v>
      </c>
    </row>
    <row r="7" spans="1:11" ht="15" customHeight="1">
      <c r="A7" s="17" t="s">
        <v>11</v>
      </c>
      <c r="B7" s="17"/>
      <c r="C7" s="13">
        <v>1396</v>
      </c>
      <c r="D7" s="19">
        <v>714</v>
      </c>
      <c r="E7" s="19">
        <v>682</v>
      </c>
      <c r="F7" s="19"/>
      <c r="G7" s="18" t="s">
        <v>12</v>
      </c>
      <c r="H7" s="17"/>
      <c r="I7" s="13">
        <v>3470</v>
      </c>
      <c r="J7" s="19">
        <v>1762</v>
      </c>
      <c r="K7" s="19">
        <v>1708</v>
      </c>
    </row>
    <row r="8" spans="1:11" ht="15" customHeight="1">
      <c r="A8" s="17" t="s">
        <v>13</v>
      </c>
      <c r="B8" s="17"/>
      <c r="C8" s="13">
        <v>1470</v>
      </c>
      <c r="D8" s="19">
        <v>754</v>
      </c>
      <c r="E8" s="19">
        <v>716</v>
      </c>
      <c r="F8" s="19"/>
      <c r="G8" s="18" t="s">
        <v>14</v>
      </c>
      <c r="H8" s="17"/>
      <c r="I8" s="13">
        <v>3719</v>
      </c>
      <c r="J8" s="19">
        <v>1927</v>
      </c>
      <c r="K8" s="19">
        <v>1792</v>
      </c>
    </row>
    <row r="9" spans="1:11" ht="15" customHeight="1">
      <c r="A9" s="17" t="s">
        <v>15</v>
      </c>
      <c r="B9" s="17"/>
      <c r="C9" s="13">
        <v>1405</v>
      </c>
      <c r="D9" s="19">
        <v>706</v>
      </c>
      <c r="E9" s="19">
        <v>699</v>
      </c>
      <c r="F9" s="19"/>
      <c r="G9" s="18" t="s">
        <v>16</v>
      </c>
      <c r="H9" s="17"/>
      <c r="I9" s="13">
        <v>2629</v>
      </c>
      <c r="J9" s="19">
        <v>1336</v>
      </c>
      <c r="K9" s="19">
        <v>1293</v>
      </c>
    </row>
    <row r="10" spans="1:11" ht="15" customHeight="1">
      <c r="A10" s="17" t="s">
        <v>17</v>
      </c>
      <c r="B10" s="17"/>
      <c r="C10" s="13">
        <v>1386</v>
      </c>
      <c r="D10" s="19">
        <v>704</v>
      </c>
      <c r="E10" s="19">
        <v>682</v>
      </c>
      <c r="F10" s="19"/>
      <c r="G10" s="18" t="s">
        <v>18</v>
      </c>
      <c r="H10" s="17"/>
      <c r="I10" s="13">
        <v>3394</v>
      </c>
      <c r="J10" s="19">
        <v>1669</v>
      </c>
      <c r="K10" s="19">
        <v>1725</v>
      </c>
    </row>
    <row r="11" spans="1:11" ht="20.100000000000001" customHeight="1">
      <c r="A11" s="17" t="s">
        <v>19</v>
      </c>
      <c r="B11" s="17"/>
      <c r="C11" s="13">
        <v>8151</v>
      </c>
      <c r="D11" s="14">
        <v>4186</v>
      </c>
      <c r="E11" s="14">
        <v>3965</v>
      </c>
      <c r="F11" s="14"/>
      <c r="G11" s="18" t="s">
        <v>20</v>
      </c>
      <c r="H11" s="17"/>
      <c r="I11" s="13">
        <v>14200</v>
      </c>
      <c r="J11" s="14">
        <v>7222</v>
      </c>
      <c r="K11" s="14">
        <v>6978</v>
      </c>
    </row>
    <row r="12" spans="1:11" ht="15" customHeight="1">
      <c r="A12" s="17" t="s">
        <v>21</v>
      </c>
      <c r="B12" s="17"/>
      <c r="C12" s="13">
        <v>1524</v>
      </c>
      <c r="D12" s="19">
        <v>811</v>
      </c>
      <c r="E12" s="19">
        <v>713</v>
      </c>
      <c r="F12" s="19"/>
      <c r="G12" s="18" t="s">
        <v>22</v>
      </c>
      <c r="H12" s="17"/>
      <c r="I12" s="13">
        <v>3169</v>
      </c>
      <c r="J12" s="19">
        <v>1642</v>
      </c>
      <c r="K12" s="19">
        <v>1527</v>
      </c>
    </row>
    <row r="13" spans="1:11" ht="15" customHeight="1">
      <c r="A13" s="17" t="s">
        <v>23</v>
      </c>
      <c r="B13" s="17"/>
      <c r="C13" s="13">
        <v>1624</v>
      </c>
      <c r="D13" s="19">
        <v>820</v>
      </c>
      <c r="E13" s="19">
        <v>804</v>
      </c>
      <c r="F13" s="19"/>
      <c r="G13" s="18" t="s">
        <v>24</v>
      </c>
      <c r="H13" s="17"/>
      <c r="I13" s="13">
        <v>2937</v>
      </c>
      <c r="J13" s="19">
        <v>1493</v>
      </c>
      <c r="K13" s="19">
        <v>1444</v>
      </c>
    </row>
    <row r="14" spans="1:11" ht="15" customHeight="1">
      <c r="A14" s="17" t="s">
        <v>25</v>
      </c>
      <c r="B14" s="17"/>
      <c r="C14" s="13">
        <v>1640</v>
      </c>
      <c r="D14" s="19">
        <v>858</v>
      </c>
      <c r="E14" s="19">
        <v>782</v>
      </c>
      <c r="F14" s="19"/>
      <c r="G14" s="18" t="s">
        <v>26</v>
      </c>
      <c r="H14" s="17"/>
      <c r="I14" s="13">
        <v>2794</v>
      </c>
      <c r="J14" s="19">
        <v>1413</v>
      </c>
      <c r="K14" s="19">
        <v>1381</v>
      </c>
    </row>
    <row r="15" spans="1:11" ht="15" customHeight="1">
      <c r="A15" s="17" t="s">
        <v>27</v>
      </c>
      <c r="B15" s="17"/>
      <c r="C15" s="13">
        <v>1647</v>
      </c>
      <c r="D15" s="19">
        <v>842</v>
      </c>
      <c r="E15" s="19">
        <v>805</v>
      </c>
      <c r="F15" s="19"/>
      <c r="G15" s="18" t="s">
        <v>28</v>
      </c>
      <c r="H15" s="17"/>
      <c r="I15" s="13">
        <v>2708</v>
      </c>
      <c r="J15" s="19">
        <v>1382</v>
      </c>
      <c r="K15" s="19">
        <v>1326</v>
      </c>
    </row>
    <row r="16" spans="1:11" ht="15" customHeight="1">
      <c r="A16" s="17" t="s">
        <v>29</v>
      </c>
      <c r="B16" s="17"/>
      <c r="C16" s="13">
        <v>1716</v>
      </c>
      <c r="D16" s="19">
        <v>855</v>
      </c>
      <c r="E16" s="19">
        <v>861</v>
      </c>
      <c r="F16" s="19"/>
      <c r="G16" s="18" t="s">
        <v>30</v>
      </c>
      <c r="H16" s="17"/>
      <c r="I16" s="13">
        <v>2592</v>
      </c>
      <c r="J16" s="19">
        <v>1292</v>
      </c>
      <c r="K16" s="19">
        <v>1300</v>
      </c>
    </row>
    <row r="17" spans="1:11" ht="20.100000000000001" customHeight="1">
      <c r="A17" s="20" t="s">
        <v>31</v>
      </c>
      <c r="B17" s="20"/>
      <c r="C17" s="13">
        <v>8696</v>
      </c>
      <c r="D17" s="14">
        <v>4444</v>
      </c>
      <c r="E17" s="14">
        <v>4252</v>
      </c>
      <c r="F17" s="14"/>
      <c r="G17" s="18" t="s">
        <v>32</v>
      </c>
      <c r="H17" s="17"/>
      <c r="I17" s="13">
        <v>12166</v>
      </c>
      <c r="J17" s="14">
        <v>6004</v>
      </c>
      <c r="K17" s="14">
        <v>6162</v>
      </c>
    </row>
    <row r="18" spans="1:11" ht="15" customHeight="1">
      <c r="A18" s="17" t="s">
        <v>33</v>
      </c>
      <c r="B18" s="17"/>
      <c r="C18" s="13">
        <v>1797</v>
      </c>
      <c r="D18" s="19">
        <v>920</v>
      </c>
      <c r="E18" s="19">
        <v>877</v>
      </c>
      <c r="F18" s="19"/>
      <c r="G18" s="18" t="s">
        <v>34</v>
      </c>
      <c r="H18" s="17"/>
      <c r="I18" s="13">
        <v>2572</v>
      </c>
      <c r="J18" s="19">
        <v>1274</v>
      </c>
      <c r="K18" s="19">
        <v>1298</v>
      </c>
    </row>
    <row r="19" spans="1:11" ht="15" customHeight="1">
      <c r="A19" s="17" t="s">
        <v>35</v>
      </c>
      <c r="B19" s="17"/>
      <c r="C19" s="13">
        <v>1716</v>
      </c>
      <c r="D19" s="19">
        <v>893</v>
      </c>
      <c r="E19" s="19">
        <v>823</v>
      </c>
      <c r="F19" s="19"/>
      <c r="G19" s="18" t="s">
        <v>36</v>
      </c>
      <c r="H19" s="17"/>
      <c r="I19" s="13">
        <v>2497</v>
      </c>
      <c r="J19" s="19">
        <v>1251</v>
      </c>
      <c r="K19" s="19">
        <v>1246</v>
      </c>
    </row>
    <row r="20" spans="1:11" ht="15" customHeight="1">
      <c r="A20" s="17" t="s">
        <v>37</v>
      </c>
      <c r="B20" s="17"/>
      <c r="C20" s="13">
        <v>1689</v>
      </c>
      <c r="D20" s="19">
        <v>863</v>
      </c>
      <c r="E20" s="19">
        <v>826</v>
      </c>
      <c r="F20" s="19"/>
      <c r="G20" s="18" t="s">
        <v>38</v>
      </c>
      <c r="H20" s="17"/>
      <c r="I20" s="13">
        <v>2316</v>
      </c>
      <c r="J20" s="19">
        <v>1133</v>
      </c>
      <c r="K20" s="19">
        <v>1183</v>
      </c>
    </row>
    <row r="21" spans="1:11" ht="15" customHeight="1">
      <c r="A21" s="17" t="s">
        <v>39</v>
      </c>
      <c r="B21" s="17"/>
      <c r="C21" s="13">
        <v>1808</v>
      </c>
      <c r="D21" s="19">
        <v>944</v>
      </c>
      <c r="E21" s="19">
        <v>864</v>
      </c>
      <c r="F21" s="19"/>
      <c r="G21" s="18" t="s">
        <v>40</v>
      </c>
      <c r="H21" s="17"/>
      <c r="I21" s="13">
        <v>2280</v>
      </c>
      <c r="J21" s="19">
        <v>1150</v>
      </c>
      <c r="K21" s="19">
        <v>1130</v>
      </c>
    </row>
    <row r="22" spans="1:11" ht="15" customHeight="1">
      <c r="A22" s="17" t="s">
        <v>41</v>
      </c>
      <c r="B22" s="17"/>
      <c r="C22" s="13">
        <v>1686</v>
      </c>
      <c r="D22" s="19">
        <v>824</v>
      </c>
      <c r="E22" s="19">
        <v>862</v>
      </c>
      <c r="F22" s="19"/>
      <c r="G22" s="18" t="s">
        <v>42</v>
      </c>
      <c r="H22" s="17"/>
      <c r="I22" s="13">
        <v>2501</v>
      </c>
      <c r="J22" s="19">
        <v>1196</v>
      </c>
      <c r="K22" s="19">
        <v>1305</v>
      </c>
    </row>
    <row r="23" spans="1:11" ht="20.100000000000001" customHeight="1">
      <c r="A23" s="17" t="s">
        <v>43</v>
      </c>
      <c r="B23" s="17"/>
      <c r="C23" s="13">
        <v>9825</v>
      </c>
      <c r="D23" s="14">
        <v>4999</v>
      </c>
      <c r="E23" s="14">
        <v>4826</v>
      </c>
      <c r="F23" s="14"/>
      <c r="G23" s="18" t="s">
        <v>44</v>
      </c>
      <c r="H23" s="17"/>
      <c r="I23" s="13">
        <v>13372</v>
      </c>
      <c r="J23" s="14">
        <v>6470</v>
      </c>
      <c r="K23" s="14">
        <v>6902</v>
      </c>
    </row>
    <row r="24" spans="1:11" ht="15" customHeight="1">
      <c r="A24" s="17" t="s">
        <v>45</v>
      </c>
      <c r="B24" s="17"/>
      <c r="C24" s="13">
        <v>1949</v>
      </c>
      <c r="D24" s="19">
        <v>1036</v>
      </c>
      <c r="E24" s="19">
        <v>913</v>
      </c>
      <c r="F24" s="19"/>
      <c r="G24" s="18" t="s">
        <v>46</v>
      </c>
      <c r="H24" s="17"/>
      <c r="I24" s="13">
        <v>2361</v>
      </c>
      <c r="J24" s="19">
        <v>1132</v>
      </c>
      <c r="K24" s="19">
        <v>1229</v>
      </c>
    </row>
    <row r="25" spans="1:11" ht="15" customHeight="1">
      <c r="A25" s="17" t="s">
        <v>47</v>
      </c>
      <c r="B25" s="17"/>
      <c r="C25" s="13">
        <v>1885</v>
      </c>
      <c r="D25" s="19">
        <v>934</v>
      </c>
      <c r="E25" s="19">
        <v>951</v>
      </c>
      <c r="F25" s="19"/>
      <c r="G25" s="18" t="s">
        <v>48</v>
      </c>
      <c r="H25" s="17"/>
      <c r="I25" s="13">
        <v>2446</v>
      </c>
      <c r="J25" s="19">
        <v>1203</v>
      </c>
      <c r="K25" s="19">
        <v>1243</v>
      </c>
    </row>
    <row r="26" spans="1:11" ht="15" customHeight="1">
      <c r="A26" s="17" t="s">
        <v>49</v>
      </c>
      <c r="B26" s="17"/>
      <c r="C26" s="13">
        <v>1889</v>
      </c>
      <c r="D26" s="19">
        <v>928</v>
      </c>
      <c r="E26" s="19">
        <v>961</v>
      </c>
      <c r="F26" s="19"/>
      <c r="G26" s="18" t="s">
        <v>50</v>
      </c>
      <c r="H26" s="17"/>
      <c r="I26" s="13">
        <v>2628</v>
      </c>
      <c r="J26" s="19">
        <v>1242</v>
      </c>
      <c r="K26" s="19">
        <v>1386</v>
      </c>
    </row>
    <row r="27" spans="1:11" ht="15" customHeight="1">
      <c r="A27" s="17" t="s">
        <v>51</v>
      </c>
      <c r="B27" s="17"/>
      <c r="C27" s="13">
        <v>1994</v>
      </c>
      <c r="D27" s="19">
        <v>1012</v>
      </c>
      <c r="E27" s="19">
        <v>982</v>
      </c>
      <c r="F27" s="19"/>
      <c r="G27" s="18" t="s">
        <v>52</v>
      </c>
      <c r="H27" s="17"/>
      <c r="I27" s="13">
        <v>2853</v>
      </c>
      <c r="J27" s="19">
        <v>1415</v>
      </c>
      <c r="K27" s="19">
        <v>1438</v>
      </c>
    </row>
    <row r="28" spans="1:11" ht="15" customHeight="1">
      <c r="A28" s="17" t="s">
        <v>53</v>
      </c>
      <c r="B28" s="17"/>
      <c r="C28" s="13">
        <v>2108</v>
      </c>
      <c r="D28" s="19">
        <v>1089</v>
      </c>
      <c r="E28" s="19">
        <v>1019</v>
      </c>
      <c r="F28" s="19"/>
      <c r="G28" s="18" t="s">
        <v>54</v>
      </c>
      <c r="H28" s="17"/>
      <c r="I28" s="13">
        <v>3084</v>
      </c>
      <c r="J28" s="19">
        <v>1478</v>
      </c>
      <c r="K28" s="19">
        <v>1606</v>
      </c>
    </row>
    <row r="29" spans="1:11" ht="20.100000000000001" customHeight="1">
      <c r="A29" s="17" t="s">
        <v>55</v>
      </c>
      <c r="B29" s="17"/>
      <c r="C29" s="13">
        <v>10585</v>
      </c>
      <c r="D29" s="14">
        <v>5416</v>
      </c>
      <c r="E29" s="14">
        <v>5169</v>
      </c>
      <c r="F29" s="14"/>
      <c r="G29" s="18" t="s">
        <v>56</v>
      </c>
      <c r="H29" s="17"/>
      <c r="I29" s="13">
        <v>15247</v>
      </c>
      <c r="J29" s="14">
        <v>6966</v>
      </c>
      <c r="K29" s="14">
        <v>8281</v>
      </c>
    </row>
    <row r="30" spans="1:11" ht="15" customHeight="1">
      <c r="A30" s="17" t="s">
        <v>57</v>
      </c>
      <c r="B30" s="17"/>
      <c r="C30" s="13">
        <v>2088</v>
      </c>
      <c r="D30" s="19">
        <v>1051</v>
      </c>
      <c r="E30" s="19">
        <v>1037</v>
      </c>
      <c r="F30" s="19"/>
      <c r="G30" s="18" t="s">
        <v>58</v>
      </c>
      <c r="H30" s="17"/>
      <c r="I30" s="13">
        <v>3528</v>
      </c>
      <c r="J30" s="19">
        <v>1637</v>
      </c>
      <c r="K30" s="19">
        <v>1891</v>
      </c>
    </row>
    <row r="31" spans="1:11" ht="15" customHeight="1">
      <c r="A31" s="17" t="s">
        <v>59</v>
      </c>
      <c r="B31" s="17"/>
      <c r="C31" s="13">
        <v>2155</v>
      </c>
      <c r="D31" s="19">
        <v>1126</v>
      </c>
      <c r="E31" s="19">
        <v>1029</v>
      </c>
      <c r="F31" s="19"/>
      <c r="G31" s="18" t="s">
        <v>60</v>
      </c>
      <c r="H31" s="17"/>
      <c r="I31" s="13">
        <v>3513</v>
      </c>
      <c r="J31" s="19">
        <v>1612</v>
      </c>
      <c r="K31" s="19">
        <v>1901</v>
      </c>
    </row>
    <row r="32" spans="1:11" ht="15" customHeight="1">
      <c r="A32" s="17" t="s">
        <v>61</v>
      </c>
      <c r="B32" s="17"/>
      <c r="C32" s="13">
        <v>2115</v>
      </c>
      <c r="D32" s="19">
        <v>1161</v>
      </c>
      <c r="E32" s="19">
        <v>954</v>
      </c>
      <c r="F32" s="19"/>
      <c r="G32" s="18" t="s">
        <v>62</v>
      </c>
      <c r="H32" s="17"/>
      <c r="I32" s="13">
        <v>3522</v>
      </c>
      <c r="J32" s="19">
        <v>1611</v>
      </c>
      <c r="K32" s="19">
        <v>1911</v>
      </c>
    </row>
    <row r="33" spans="1:11" ht="15" customHeight="1">
      <c r="A33" s="17" t="s">
        <v>63</v>
      </c>
      <c r="B33" s="17"/>
      <c r="C33" s="13">
        <v>2184</v>
      </c>
      <c r="D33" s="19">
        <v>1102</v>
      </c>
      <c r="E33" s="19">
        <v>1082</v>
      </c>
      <c r="F33" s="19"/>
      <c r="G33" s="18" t="s">
        <v>64</v>
      </c>
      <c r="H33" s="17"/>
      <c r="I33" s="13">
        <v>2423</v>
      </c>
      <c r="J33" s="19">
        <v>1060</v>
      </c>
      <c r="K33" s="19">
        <v>1363</v>
      </c>
    </row>
    <row r="34" spans="1:11" ht="15" customHeight="1">
      <c r="A34" s="17" t="s">
        <v>65</v>
      </c>
      <c r="B34" s="17"/>
      <c r="C34" s="13">
        <v>2043</v>
      </c>
      <c r="D34" s="19">
        <v>976</v>
      </c>
      <c r="E34" s="19">
        <v>1067</v>
      </c>
      <c r="F34" s="19"/>
      <c r="G34" s="18" t="s">
        <v>66</v>
      </c>
      <c r="H34" s="17"/>
      <c r="I34" s="13">
        <v>2261</v>
      </c>
      <c r="J34" s="19">
        <v>1046</v>
      </c>
      <c r="K34" s="19">
        <v>1215</v>
      </c>
    </row>
    <row r="35" spans="1:11" ht="20.100000000000001" customHeight="1">
      <c r="A35" s="17" t="s">
        <v>67</v>
      </c>
      <c r="B35" s="17"/>
      <c r="C35" s="13">
        <v>9745</v>
      </c>
      <c r="D35" s="14">
        <v>4868</v>
      </c>
      <c r="E35" s="14">
        <v>4877</v>
      </c>
      <c r="F35" s="14"/>
      <c r="G35" s="18" t="s">
        <v>68</v>
      </c>
      <c r="H35" s="17"/>
      <c r="I35" s="13">
        <v>13693</v>
      </c>
      <c r="J35" s="14">
        <v>5965</v>
      </c>
      <c r="K35" s="14">
        <v>7728</v>
      </c>
    </row>
    <row r="36" spans="1:11" ht="15" customHeight="1">
      <c r="A36" s="17" t="s">
        <v>69</v>
      </c>
      <c r="B36" s="17"/>
      <c r="C36" s="13">
        <v>2080</v>
      </c>
      <c r="D36" s="19">
        <v>1015</v>
      </c>
      <c r="E36" s="19">
        <v>1065</v>
      </c>
      <c r="F36" s="19"/>
      <c r="G36" s="18" t="s">
        <v>70</v>
      </c>
      <c r="H36" s="17"/>
      <c r="I36" s="13">
        <v>2710</v>
      </c>
      <c r="J36" s="19">
        <v>1165</v>
      </c>
      <c r="K36" s="19">
        <v>1545</v>
      </c>
    </row>
    <row r="37" spans="1:11" ht="15" customHeight="1">
      <c r="A37" s="17" t="s">
        <v>71</v>
      </c>
      <c r="B37" s="17"/>
      <c r="C37" s="13">
        <v>1929</v>
      </c>
      <c r="D37" s="19">
        <v>945</v>
      </c>
      <c r="E37" s="19">
        <v>984</v>
      </c>
      <c r="F37" s="19"/>
      <c r="G37" s="18" t="s">
        <v>72</v>
      </c>
      <c r="H37" s="17"/>
      <c r="I37" s="13">
        <v>2979</v>
      </c>
      <c r="J37" s="19">
        <v>1331</v>
      </c>
      <c r="K37" s="19">
        <v>1648</v>
      </c>
    </row>
    <row r="38" spans="1:11" ht="15" customHeight="1">
      <c r="A38" s="17" t="s">
        <v>73</v>
      </c>
      <c r="B38" s="17"/>
      <c r="C38" s="13">
        <v>1858</v>
      </c>
      <c r="D38" s="19">
        <v>912</v>
      </c>
      <c r="E38" s="19">
        <v>946</v>
      </c>
      <c r="F38" s="19"/>
      <c r="G38" s="18" t="s">
        <v>74</v>
      </c>
      <c r="H38" s="17"/>
      <c r="I38" s="13">
        <v>2751</v>
      </c>
      <c r="J38" s="19">
        <v>1198</v>
      </c>
      <c r="K38" s="19">
        <v>1553</v>
      </c>
    </row>
    <row r="39" spans="1:11" ht="15" customHeight="1">
      <c r="A39" s="17" t="s">
        <v>75</v>
      </c>
      <c r="B39" s="17"/>
      <c r="C39" s="13">
        <v>1950</v>
      </c>
      <c r="D39" s="19">
        <v>988</v>
      </c>
      <c r="E39" s="19">
        <v>962</v>
      </c>
      <c r="F39" s="19"/>
      <c r="G39" s="18" t="s">
        <v>76</v>
      </c>
      <c r="H39" s="17"/>
      <c r="I39" s="13">
        <v>2790</v>
      </c>
      <c r="J39" s="19">
        <v>1189</v>
      </c>
      <c r="K39" s="19">
        <v>1601</v>
      </c>
    </row>
    <row r="40" spans="1:11" ht="15" customHeight="1">
      <c r="A40" s="17" t="s">
        <v>77</v>
      </c>
      <c r="B40" s="17"/>
      <c r="C40" s="13">
        <v>1928</v>
      </c>
      <c r="D40" s="19">
        <v>1008</v>
      </c>
      <c r="E40" s="19">
        <v>920</v>
      </c>
      <c r="F40" s="19"/>
      <c r="G40" s="18" t="s">
        <v>78</v>
      </c>
      <c r="H40" s="17"/>
      <c r="I40" s="13">
        <v>2463</v>
      </c>
      <c r="J40" s="19">
        <v>1082</v>
      </c>
      <c r="K40" s="19">
        <v>1381</v>
      </c>
    </row>
    <row r="41" spans="1:11" ht="20.100000000000001" customHeight="1">
      <c r="A41" s="17" t="s">
        <v>79</v>
      </c>
      <c r="B41" s="17"/>
      <c r="C41" s="13">
        <v>10368</v>
      </c>
      <c r="D41" s="14">
        <v>5365</v>
      </c>
      <c r="E41" s="14">
        <v>5003</v>
      </c>
      <c r="F41" s="14"/>
      <c r="G41" s="18" t="s">
        <v>80</v>
      </c>
      <c r="H41" s="17"/>
      <c r="I41" s="13">
        <v>10022</v>
      </c>
      <c r="J41" s="14">
        <v>4445</v>
      </c>
      <c r="K41" s="14">
        <v>5577</v>
      </c>
    </row>
    <row r="42" spans="1:11" ht="15" customHeight="1">
      <c r="A42" s="17" t="s">
        <v>81</v>
      </c>
      <c r="B42" s="17"/>
      <c r="C42" s="13">
        <v>2009</v>
      </c>
      <c r="D42" s="19">
        <v>1042</v>
      </c>
      <c r="E42" s="19">
        <v>967</v>
      </c>
      <c r="F42" s="19"/>
      <c r="G42" s="18" t="s">
        <v>82</v>
      </c>
      <c r="H42" s="17"/>
      <c r="I42" s="13">
        <v>2049</v>
      </c>
      <c r="J42" s="19">
        <v>931</v>
      </c>
      <c r="K42" s="19">
        <v>1118</v>
      </c>
    </row>
    <row r="43" spans="1:11" ht="15" customHeight="1">
      <c r="A43" s="17" t="s">
        <v>83</v>
      </c>
      <c r="B43" s="17"/>
      <c r="C43" s="13">
        <v>2032</v>
      </c>
      <c r="D43" s="19">
        <v>1028</v>
      </c>
      <c r="E43" s="19">
        <v>1004</v>
      </c>
      <c r="F43" s="19"/>
      <c r="G43" s="18" t="s">
        <v>84</v>
      </c>
      <c r="H43" s="17"/>
      <c r="I43" s="13">
        <v>2068</v>
      </c>
      <c r="J43" s="19">
        <v>939</v>
      </c>
      <c r="K43" s="19">
        <v>1129</v>
      </c>
    </row>
    <row r="44" spans="1:11" ht="15" customHeight="1">
      <c r="A44" s="17" t="s">
        <v>85</v>
      </c>
      <c r="B44" s="17"/>
      <c r="C44" s="13">
        <v>2022</v>
      </c>
      <c r="D44" s="19">
        <v>1031</v>
      </c>
      <c r="E44" s="19">
        <v>991</v>
      </c>
      <c r="F44" s="19"/>
      <c r="G44" s="18" t="s">
        <v>86</v>
      </c>
      <c r="H44" s="17"/>
      <c r="I44" s="13">
        <v>2124</v>
      </c>
      <c r="J44" s="19">
        <v>938</v>
      </c>
      <c r="K44" s="19">
        <v>1186</v>
      </c>
    </row>
    <row r="45" spans="1:11" ht="15" customHeight="1">
      <c r="A45" s="17" t="s">
        <v>87</v>
      </c>
      <c r="B45" s="17"/>
      <c r="C45" s="13">
        <v>2101</v>
      </c>
      <c r="D45" s="19">
        <v>1136</v>
      </c>
      <c r="E45" s="19">
        <v>965</v>
      </c>
      <c r="F45" s="19"/>
      <c r="G45" s="18" t="s">
        <v>88</v>
      </c>
      <c r="H45" s="17"/>
      <c r="I45" s="13">
        <v>1912</v>
      </c>
      <c r="J45" s="19">
        <v>828</v>
      </c>
      <c r="K45" s="19">
        <v>1084</v>
      </c>
    </row>
    <row r="46" spans="1:11" ht="15" customHeight="1">
      <c r="A46" s="17" t="s">
        <v>89</v>
      </c>
      <c r="B46" s="17"/>
      <c r="C46" s="13">
        <v>2204</v>
      </c>
      <c r="D46" s="19">
        <v>1128</v>
      </c>
      <c r="E46" s="19">
        <v>1076</v>
      </c>
      <c r="F46" s="19"/>
      <c r="G46" s="18" t="s">
        <v>90</v>
      </c>
      <c r="H46" s="17"/>
      <c r="I46" s="13">
        <v>1869</v>
      </c>
      <c r="J46" s="19">
        <v>809</v>
      </c>
      <c r="K46" s="19">
        <v>1060</v>
      </c>
    </row>
    <row r="47" spans="1:11" ht="20.100000000000001" customHeight="1">
      <c r="A47" s="17" t="s">
        <v>91</v>
      </c>
      <c r="B47" s="17"/>
      <c r="C47" s="13">
        <v>11958</v>
      </c>
      <c r="D47" s="14">
        <v>6143</v>
      </c>
      <c r="E47" s="14">
        <v>5815</v>
      </c>
      <c r="F47" s="14"/>
      <c r="G47" s="18" t="s">
        <v>92</v>
      </c>
      <c r="H47" s="17"/>
      <c r="I47" s="13">
        <v>5799</v>
      </c>
      <c r="J47" s="14">
        <v>2280</v>
      </c>
      <c r="K47" s="14">
        <v>3519</v>
      </c>
    </row>
    <row r="48" spans="1:11" ht="15" customHeight="1">
      <c r="A48" s="17" t="s">
        <v>93</v>
      </c>
      <c r="B48" s="17"/>
      <c r="C48" s="13">
        <v>2278</v>
      </c>
      <c r="D48" s="19">
        <v>1198</v>
      </c>
      <c r="E48" s="19">
        <v>1080</v>
      </c>
      <c r="F48" s="19"/>
      <c r="G48" s="18" t="s">
        <v>94</v>
      </c>
      <c r="H48" s="17"/>
      <c r="I48" s="13">
        <v>1484</v>
      </c>
      <c r="J48" s="19">
        <v>596</v>
      </c>
      <c r="K48" s="19">
        <v>888</v>
      </c>
    </row>
    <row r="49" spans="1:11" ht="15" customHeight="1">
      <c r="A49" s="17" t="s">
        <v>95</v>
      </c>
      <c r="B49" s="17"/>
      <c r="C49" s="13">
        <v>2396</v>
      </c>
      <c r="D49" s="19">
        <v>1208</v>
      </c>
      <c r="E49" s="19">
        <v>1188</v>
      </c>
      <c r="F49" s="19"/>
      <c r="G49" s="18" t="s">
        <v>96</v>
      </c>
      <c r="H49" s="17"/>
      <c r="I49" s="13">
        <v>1304</v>
      </c>
      <c r="J49" s="19">
        <v>511</v>
      </c>
      <c r="K49" s="19">
        <v>793</v>
      </c>
    </row>
    <row r="50" spans="1:11" ht="15" customHeight="1">
      <c r="A50" s="17" t="s">
        <v>97</v>
      </c>
      <c r="B50" s="17"/>
      <c r="C50" s="13">
        <v>2360</v>
      </c>
      <c r="D50" s="19">
        <v>1235</v>
      </c>
      <c r="E50" s="19">
        <v>1125</v>
      </c>
      <c r="F50" s="19"/>
      <c r="G50" s="18" t="s">
        <v>98</v>
      </c>
      <c r="H50" s="17"/>
      <c r="I50" s="13">
        <v>1207</v>
      </c>
      <c r="J50" s="19">
        <v>470</v>
      </c>
      <c r="K50" s="19">
        <v>737</v>
      </c>
    </row>
    <row r="51" spans="1:11" ht="15" customHeight="1">
      <c r="A51" s="17" t="s">
        <v>99</v>
      </c>
      <c r="B51" s="17"/>
      <c r="C51" s="13">
        <v>2393</v>
      </c>
      <c r="D51" s="19">
        <v>1241</v>
      </c>
      <c r="E51" s="19">
        <v>1152</v>
      </c>
      <c r="F51" s="19"/>
      <c r="G51" s="18" t="s">
        <v>100</v>
      </c>
      <c r="H51" s="17"/>
      <c r="I51" s="13">
        <v>982</v>
      </c>
      <c r="J51" s="19">
        <v>403</v>
      </c>
      <c r="K51" s="19">
        <v>579</v>
      </c>
    </row>
    <row r="52" spans="1:11" ht="15" customHeight="1">
      <c r="A52" s="17" t="s">
        <v>101</v>
      </c>
      <c r="B52" s="17"/>
      <c r="C52" s="13">
        <v>2531</v>
      </c>
      <c r="D52" s="19">
        <v>1261</v>
      </c>
      <c r="E52" s="19">
        <v>1270</v>
      </c>
      <c r="F52" s="19"/>
      <c r="G52" s="18" t="s">
        <v>102</v>
      </c>
      <c r="H52" s="17"/>
      <c r="I52" s="13">
        <v>822</v>
      </c>
      <c r="J52" s="19">
        <v>300</v>
      </c>
      <c r="K52" s="19">
        <v>522</v>
      </c>
    </row>
    <row r="53" spans="1:11" ht="20.100000000000001" customHeight="1">
      <c r="A53" s="17" t="s">
        <v>103</v>
      </c>
      <c r="B53" s="17"/>
      <c r="C53" s="13">
        <v>14365</v>
      </c>
      <c r="D53" s="14">
        <v>7359</v>
      </c>
      <c r="E53" s="14">
        <v>7006</v>
      </c>
      <c r="F53" s="14"/>
      <c r="G53" s="18" t="s">
        <v>104</v>
      </c>
      <c r="H53" s="17"/>
      <c r="I53" s="13">
        <v>2242</v>
      </c>
      <c r="J53" s="14">
        <v>705</v>
      </c>
      <c r="K53" s="14">
        <v>1537</v>
      </c>
    </row>
    <row r="54" spans="1:11" ht="15" customHeight="1">
      <c r="A54" s="17" t="s">
        <v>105</v>
      </c>
      <c r="B54" s="17"/>
      <c r="C54" s="13">
        <v>2687</v>
      </c>
      <c r="D54" s="19">
        <v>1396</v>
      </c>
      <c r="E54" s="19">
        <v>1291</v>
      </c>
      <c r="F54" s="19"/>
      <c r="G54" s="18" t="s">
        <v>106</v>
      </c>
      <c r="H54" s="17"/>
      <c r="I54" s="13">
        <v>674</v>
      </c>
      <c r="J54" s="19">
        <v>220</v>
      </c>
      <c r="K54" s="19">
        <v>454</v>
      </c>
    </row>
    <row r="55" spans="1:11" ht="15" customHeight="1">
      <c r="A55" s="17" t="s">
        <v>107</v>
      </c>
      <c r="B55" s="17"/>
      <c r="C55" s="13">
        <v>2652</v>
      </c>
      <c r="D55" s="19">
        <v>1316</v>
      </c>
      <c r="E55" s="19">
        <v>1336</v>
      </c>
      <c r="F55" s="19"/>
      <c r="G55" s="18" t="s">
        <v>108</v>
      </c>
      <c r="H55" s="17"/>
      <c r="I55" s="13">
        <v>535</v>
      </c>
      <c r="J55" s="19">
        <v>168</v>
      </c>
      <c r="K55" s="19">
        <v>367</v>
      </c>
    </row>
    <row r="56" spans="1:11" ht="15" customHeight="1">
      <c r="A56" s="17" t="s">
        <v>109</v>
      </c>
      <c r="B56" s="17"/>
      <c r="C56" s="13">
        <v>2882</v>
      </c>
      <c r="D56" s="19">
        <v>1511</v>
      </c>
      <c r="E56" s="19">
        <v>1371</v>
      </c>
      <c r="F56" s="19"/>
      <c r="G56" s="18" t="s">
        <v>110</v>
      </c>
      <c r="H56" s="17"/>
      <c r="I56" s="13">
        <v>459</v>
      </c>
      <c r="J56" s="19">
        <v>147</v>
      </c>
      <c r="K56" s="19">
        <v>312</v>
      </c>
    </row>
    <row r="57" spans="1:11" ht="15" customHeight="1">
      <c r="A57" s="17" t="s">
        <v>111</v>
      </c>
      <c r="B57" s="17"/>
      <c r="C57" s="13">
        <v>2995</v>
      </c>
      <c r="D57" s="19">
        <v>1522</v>
      </c>
      <c r="E57" s="19">
        <v>1473</v>
      </c>
      <c r="F57" s="19"/>
      <c r="G57" s="18" t="s">
        <v>112</v>
      </c>
      <c r="H57" s="17"/>
      <c r="I57" s="13">
        <v>306</v>
      </c>
      <c r="J57" s="19">
        <v>89</v>
      </c>
      <c r="K57" s="19">
        <v>217</v>
      </c>
    </row>
    <row r="58" spans="1:11" ht="15" customHeight="1">
      <c r="A58" s="17" t="s">
        <v>113</v>
      </c>
      <c r="B58" s="17"/>
      <c r="C58" s="13">
        <v>3149</v>
      </c>
      <c r="D58" s="19">
        <v>1614</v>
      </c>
      <c r="E58" s="19">
        <v>1535</v>
      </c>
      <c r="F58" s="19"/>
      <c r="G58" s="18" t="s">
        <v>114</v>
      </c>
      <c r="H58" s="17"/>
      <c r="I58" s="13">
        <v>268</v>
      </c>
      <c r="J58" s="19">
        <v>81</v>
      </c>
      <c r="K58" s="19">
        <v>187</v>
      </c>
    </row>
    <row r="59" spans="1:11" ht="20.100000000000001" customHeight="1">
      <c r="A59" s="17" t="s">
        <v>115</v>
      </c>
      <c r="B59" s="17"/>
      <c r="C59" s="13">
        <v>18350</v>
      </c>
      <c r="D59" s="14">
        <v>9248</v>
      </c>
      <c r="E59" s="14">
        <v>9102</v>
      </c>
      <c r="F59" s="14"/>
      <c r="G59" s="18" t="s">
        <v>116</v>
      </c>
      <c r="H59" s="17"/>
      <c r="I59" s="13">
        <v>462</v>
      </c>
      <c r="J59" s="14">
        <v>88</v>
      </c>
      <c r="K59" s="14">
        <v>374</v>
      </c>
    </row>
    <row r="60" spans="1:11" ht="15" customHeight="1">
      <c r="A60" s="17" t="s">
        <v>117</v>
      </c>
      <c r="B60" s="17"/>
      <c r="C60" s="13">
        <v>3453</v>
      </c>
      <c r="D60" s="19">
        <v>1743</v>
      </c>
      <c r="E60" s="19">
        <v>1710</v>
      </c>
      <c r="F60" s="19"/>
      <c r="G60" s="18" t="s">
        <v>118</v>
      </c>
      <c r="H60" s="17"/>
      <c r="I60" s="13">
        <v>167</v>
      </c>
      <c r="J60" s="19">
        <v>34</v>
      </c>
      <c r="K60" s="19">
        <v>133</v>
      </c>
    </row>
    <row r="61" spans="1:11" ht="15" customHeight="1">
      <c r="A61" s="17" t="s">
        <v>119</v>
      </c>
      <c r="B61" s="17"/>
      <c r="C61" s="13">
        <v>3649</v>
      </c>
      <c r="D61" s="19">
        <v>1813</v>
      </c>
      <c r="E61" s="19">
        <v>1836</v>
      </c>
      <c r="F61" s="19"/>
      <c r="G61" s="18" t="s">
        <v>120</v>
      </c>
      <c r="H61" s="17"/>
      <c r="I61" s="13">
        <v>132</v>
      </c>
      <c r="J61" s="19">
        <v>19</v>
      </c>
      <c r="K61" s="19">
        <v>113</v>
      </c>
    </row>
    <row r="62" spans="1:11" ht="15" customHeight="1">
      <c r="A62" s="17" t="s">
        <v>121</v>
      </c>
      <c r="B62" s="17"/>
      <c r="C62" s="13">
        <v>3743</v>
      </c>
      <c r="D62" s="19">
        <v>1930</v>
      </c>
      <c r="E62" s="19">
        <v>1813</v>
      </c>
      <c r="F62" s="19"/>
      <c r="G62" s="18" t="s">
        <v>122</v>
      </c>
      <c r="H62" s="17"/>
      <c r="I62" s="13">
        <v>73</v>
      </c>
      <c r="J62" s="19">
        <v>21</v>
      </c>
      <c r="K62" s="19">
        <v>52</v>
      </c>
    </row>
    <row r="63" spans="1:11" ht="15" customHeight="1">
      <c r="A63" s="17" t="s">
        <v>123</v>
      </c>
      <c r="B63" s="17"/>
      <c r="C63" s="13">
        <v>3774</v>
      </c>
      <c r="D63" s="19">
        <v>1853</v>
      </c>
      <c r="E63" s="19">
        <v>1921</v>
      </c>
      <c r="F63" s="19"/>
      <c r="G63" s="18" t="s">
        <v>124</v>
      </c>
      <c r="H63" s="17"/>
      <c r="I63" s="13">
        <v>65</v>
      </c>
      <c r="J63" s="19">
        <v>9</v>
      </c>
      <c r="K63" s="19">
        <v>56</v>
      </c>
    </row>
    <row r="64" spans="1:11" ht="15" customHeight="1">
      <c r="A64" s="17" t="s">
        <v>125</v>
      </c>
      <c r="B64" s="17"/>
      <c r="C64" s="13">
        <v>3731</v>
      </c>
      <c r="D64" s="19">
        <v>1909</v>
      </c>
      <c r="E64" s="19">
        <v>1822</v>
      </c>
      <c r="F64" s="19"/>
      <c r="G64" s="18" t="s">
        <v>126</v>
      </c>
      <c r="H64" s="17"/>
      <c r="I64" s="13">
        <v>25</v>
      </c>
      <c r="J64" s="19">
        <v>5</v>
      </c>
      <c r="K64" s="19">
        <v>2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7</v>
      </c>
      <c r="J65" s="19">
        <v>1</v>
      </c>
      <c r="K65" s="19">
        <v>6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25</v>
      </c>
      <c r="J66" s="29">
        <v>483</v>
      </c>
      <c r="K66" s="29">
        <v>14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5127</v>
      </c>
      <c r="D4" s="14">
        <v>118673</v>
      </c>
      <c r="E4" s="14">
        <v>12645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423</v>
      </c>
      <c r="D5" s="14">
        <v>4250</v>
      </c>
      <c r="E5" s="14">
        <v>4173</v>
      </c>
      <c r="F5" s="14"/>
      <c r="G5" s="18" t="s">
        <v>8</v>
      </c>
      <c r="H5" s="17"/>
      <c r="I5" s="13">
        <v>18329</v>
      </c>
      <c r="J5" s="14">
        <v>9371</v>
      </c>
      <c r="K5" s="14">
        <v>8958</v>
      </c>
    </row>
    <row r="6" spans="1:11" ht="15" customHeight="1">
      <c r="A6" s="17" t="s">
        <v>9</v>
      </c>
      <c r="B6" s="17"/>
      <c r="C6" s="13">
        <v>1531</v>
      </c>
      <c r="D6" s="19">
        <v>769</v>
      </c>
      <c r="E6" s="19">
        <v>762</v>
      </c>
      <c r="F6" s="19"/>
      <c r="G6" s="18" t="s">
        <v>10</v>
      </c>
      <c r="H6" s="17"/>
      <c r="I6" s="13">
        <v>3886</v>
      </c>
      <c r="J6" s="19">
        <v>1989</v>
      </c>
      <c r="K6" s="19">
        <v>1897</v>
      </c>
    </row>
    <row r="7" spans="1:11" ht="15" customHeight="1">
      <c r="A7" s="17" t="s">
        <v>11</v>
      </c>
      <c r="B7" s="17"/>
      <c r="C7" s="13">
        <v>1630</v>
      </c>
      <c r="D7" s="19">
        <v>818</v>
      </c>
      <c r="E7" s="19">
        <v>812</v>
      </c>
      <c r="F7" s="19"/>
      <c r="G7" s="18" t="s">
        <v>12</v>
      </c>
      <c r="H7" s="17"/>
      <c r="I7" s="13">
        <v>3902</v>
      </c>
      <c r="J7" s="19">
        <v>2012</v>
      </c>
      <c r="K7" s="19">
        <v>1890</v>
      </c>
    </row>
    <row r="8" spans="1:11" ht="15" customHeight="1">
      <c r="A8" s="17" t="s">
        <v>13</v>
      </c>
      <c r="B8" s="17"/>
      <c r="C8" s="13">
        <v>1764</v>
      </c>
      <c r="D8" s="19">
        <v>895</v>
      </c>
      <c r="E8" s="19">
        <v>869</v>
      </c>
      <c r="F8" s="19"/>
      <c r="G8" s="18" t="s">
        <v>14</v>
      </c>
      <c r="H8" s="17"/>
      <c r="I8" s="13">
        <v>4032</v>
      </c>
      <c r="J8" s="19">
        <v>2050</v>
      </c>
      <c r="K8" s="19">
        <v>1982</v>
      </c>
    </row>
    <row r="9" spans="1:11" ht="15" customHeight="1">
      <c r="A9" s="17" t="s">
        <v>15</v>
      </c>
      <c r="B9" s="17"/>
      <c r="C9" s="13">
        <v>1741</v>
      </c>
      <c r="D9" s="19">
        <v>903</v>
      </c>
      <c r="E9" s="19">
        <v>838</v>
      </c>
      <c r="F9" s="19"/>
      <c r="G9" s="18" t="s">
        <v>16</v>
      </c>
      <c r="H9" s="17"/>
      <c r="I9" s="13">
        <v>2816</v>
      </c>
      <c r="J9" s="19">
        <v>1423</v>
      </c>
      <c r="K9" s="19">
        <v>1393</v>
      </c>
    </row>
    <row r="10" spans="1:11" ht="15" customHeight="1">
      <c r="A10" s="17" t="s">
        <v>17</v>
      </c>
      <c r="B10" s="17"/>
      <c r="C10" s="13">
        <v>1757</v>
      </c>
      <c r="D10" s="19">
        <v>865</v>
      </c>
      <c r="E10" s="19">
        <v>892</v>
      </c>
      <c r="F10" s="19"/>
      <c r="G10" s="18" t="s">
        <v>18</v>
      </c>
      <c r="H10" s="17"/>
      <c r="I10" s="13">
        <v>3693</v>
      </c>
      <c r="J10" s="19">
        <v>1897</v>
      </c>
      <c r="K10" s="19">
        <v>1796</v>
      </c>
    </row>
    <row r="11" spans="1:11" ht="20.100000000000001" customHeight="1">
      <c r="A11" s="17" t="s">
        <v>19</v>
      </c>
      <c r="B11" s="17"/>
      <c r="C11" s="13">
        <v>9545</v>
      </c>
      <c r="D11" s="14">
        <v>4840</v>
      </c>
      <c r="E11" s="14">
        <v>4705</v>
      </c>
      <c r="F11" s="14"/>
      <c r="G11" s="18" t="s">
        <v>20</v>
      </c>
      <c r="H11" s="17"/>
      <c r="I11" s="13">
        <v>15614</v>
      </c>
      <c r="J11" s="14">
        <v>7891</v>
      </c>
      <c r="K11" s="14">
        <v>7723</v>
      </c>
    </row>
    <row r="12" spans="1:11" ht="15" customHeight="1">
      <c r="A12" s="17" t="s">
        <v>21</v>
      </c>
      <c r="B12" s="17"/>
      <c r="C12" s="13">
        <v>1793</v>
      </c>
      <c r="D12" s="19">
        <v>919</v>
      </c>
      <c r="E12" s="19">
        <v>874</v>
      </c>
      <c r="F12" s="19"/>
      <c r="G12" s="18" t="s">
        <v>22</v>
      </c>
      <c r="H12" s="17"/>
      <c r="I12" s="13">
        <v>3352</v>
      </c>
      <c r="J12" s="19">
        <v>1720</v>
      </c>
      <c r="K12" s="19">
        <v>1632</v>
      </c>
    </row>
    <row r="13" spans="1:11" ht="15" customHeight="1">
      <c r="A13" s="17" t="s">
        <v>23</v>
      </c>
      <c r="B13" s="17"/>
      <c r="C13" s="13">
        <v>1850</v>
      </c>
      <c r="D13" s="19">
        <v>939</v>
      </c>
      <c r="E13" s="19">
        <v>911</v>
      </c>
      <c r="F13" s="19"/>
      <c r="G13" s="18" t="s">
        <v>24</v>
      </c>
      <c r="H13" s="17"/>
      <c r="I13" s="13">
        <v>3215</v>
      </c>
      <c r="J13" s="19">
        <v>1609</v>
      </c>
      <c r="K13" s="19">
        <v>1606</v>
      </c>
    </row>
    <row r="14" spans="1:11" ht="15" customHeight="1">
      <c r="A14" s="17" t="s">
        <v>25</v>
      </c>
      <c r="B14" s="17"/>
      <c r="C14" s="13">
        <v>1985</v>
      </c>
      <c r="D14" s="19">
        <v>1006</v>
      </c>
      <c r="E14" s="19">
        <v>979</v>
      </c>
      <c r="F14" s="19"/>
      <c r="G14" s="18" t="s">
        <v>26</v>
      </c>
      <c r="H14" s="17"/>
      <c r="I14" s="13">
        <v>3127</v>
      </c>
      <c r="J14" s="19">
        <v>1586</v>
      </c>
      <c r="K14" s="19">
        <v>1541</v>
      </c>
    </row>
    <row r="15" spans="1:11" ht="15" customHeight="1">
      <c r="A15" s="17" t="s">
        <v>27</v>
      </c>
      <c r="B15" s="17"/>
      <c r="C15" s="13">
        <v>1893</v>
      </c>
      <c r="D15" s="19">
        <v>953</v>
      </c>
      <c r="E15" s="19">
        <v>940</v>
      </c>
      <c r="F15" s="19"/>
      <c r="G15" s="18" t="s">
        <v>28</v>
      </c>
      <c r="H15" s="17"/>
      <c r="I15" s="13">
        <v>2985</v>
      </c>
      <c r="J15" s="19">
        <v>1495</v>
      </c>
      <c r="K15" s="19">
        <v>1490</v>
      </c>
    </row>
    <row r="16" spans="1:11" ht="15" customHeight="1">
      <c r="A16" s="17" t="s">
        <v>29</v>
      </c>
      <c r="B16" s="17"/>
      <c r="C16" s="13">
        <v>2024</v>
      </c>
      <c r="D16" s="19">
        <v>1023</v>
      </c>
      <c r="E16" s="19">
        <v>1001</v>
      </c>
      <c r="F16" s="19"/>
      <c r="G16" s="18" t="s">
        <v>30</v>
      </c>
      <c r="H16" s="17"/>
      <c r="I16" s="13">
        <v>2935</v>
      </c>
      <c r="J16" s="19">
        <v>1481</v>
      </c>
      <c r="K16" s="19">
        <v>1454</v>
      </c>
    </row>
    <row r="17" spans="1:11" ht="20.100000000000001" customHeight="1">
      <c r="A17" s="20" t="s">
        <v>31</v>
      </c>
      <c r="B17" s="20"/>
      <c r="C17" s="13">
        <v>10281</v>
      </c>
      <c r="D17" s="14">
        <v>5299</v>
      </c>
      <c r="E17" s="14">
        <v>4982</v>
      </c>
      <c r="F17" s="14"/>
      <c r="G17" s="18" t="s">
        <v>32</v>
      </c>
      <c r="H17" s="17"/>
      <c r="I17" s="13">
        <v>13563</v>
      </c>
      <c r="J17" s="14">
        <v>6706</v>
      </c>
      <c r="K17" s="14">
        <v>6857</v>
      </c>
    </row>
    <row r="18" spans="1:11" ht="15" customHeight="1">
      <c r="A18" s="17" t="s">
        <v>33</v>
      </c>
      <c r="B18" s="17"/>
      <c r="C18" s="13">
        <v>2090</v>
      </c>
      <c r="D18" s="19">
        <v>1068</v>
      </c>
      <c r="E18" s="19">
        <v>1022</v>
      </c>
      <c r="F18" s="19"/>
      <c r="G18" s="18" t="s">
        <v>34</v>
      </c>
      <c r="H18" s="17"/>
      <c r="I18" s="13">
        <v>2890</v>
      </c>
      <c r="J18" s="19">
        <v>1452</v>
      </c>
      <c r="K18" s="19">
        <v>1438</v>
      </c>
    </row>
    <row r="19" spans="1:11" ht="15" customHeight="1">
      <c r="A19" s="17" t="s">
        <v>35</v>
      </c>
      <c r="B19" s="17"/>
      <c r="C19" s="13">
        <v>2007</v>
      </c>
      <c r="D19" s="19">
        <v>1060</v>
      </c>
      <c r="E19" s="19">
        <v>947</v>
      </c>
      <c r="F19" s="19"/>
      <c r="G19" s="18" t="s">
        <v>36</v>
      </c>
      <c r="H19" s="17"/>
      <c r="I19" s="13">
        <v>2725</v>
      </c>
      <c r="J19" s="19">
        <v>1378</v>
      </c>
      <c r="K19" s="19">
        <v>1347</v>
      </c>
    </row>
    <row r="20" spans="1:11" ht="15" customHeight="1">
      <c r="A20" s="17" t="s">
        <v>37</v>
      </c>
      <c r="B20" s="17"/>
      <c r="C20" s="13">
        <v>2059</v>
      </c>
      <c r="D20" s="19">
        <v>1037</v>
      </c>
      <c r="E20" s="19">
        <v>1022</v>
      </c>
      <c r="F20" s="19"/>
      <c r="G20" s="18" t="s">
        <v>38</v>
      </c>
      <c r="H20" s="17"/>
      <c r="I20" s="13">
        <v>2582</v>
      </c>
      <c r="J20" s="19">
        <v>1224</v>
      </c>
      <c r="K20" s="19">
        <v>1358</v>
      </c>
    </row>
    <row r="21" spans="1:11" ht="15" customHeight="1">
      <c r="A21" s="17" t="s">
        <v>39</v>
      </c>
      <c r="B21" s="17"/>
      <c r="C21" s="13">
        <v>2083</v>
      </c>
      <c r="D21" s="19">
        <v>1103</v>
      </c>
      <c r="E21" s="19">
        <v>980</v>
      </c>
      <c r="F21" s="19"/>
      <c r="G21" s="18" t="s">
        <v>40</v>
      </c>
      <c r="H21" s="17"/>
      <c r="I21" s="13">
        <v>2678</v>
      </c>
      <c r="J21" s="19">
        <v>1309</v>
      </c>
      <c r="K21" s="19">
        <v>1369</v>
      </c>
    </row>
    <row r="22" spans="1:11" ht="15" customHeight="1">
      <c r="A22" s="17" t="s">
        <v>41</v>
      </c>
      <c r="B22" s="17"/>
      <c r="C22" s="13">
        <v>2042</v>
      </c>
      <c r="D22" s="19">
        <v>1031</v>
      </c>
      <c r="E22" s="19">
        <v>1011</v>
      </c>
      <c r="F22" s="19"/>
      <c r="G22" s="18" t="s">
        <v>42</v>
      </c>
      <c r="H22" s="17"/>
      <c r="I22" s="13">
        <v>2688</v>
      </c>
      <c r="J22" s="19">
        <v>1343</v>
      </c>
      <c r="K22" s="19">
        <v>1345</v>
      </c>
    </row>
    <row r="23" spans="1:11" ht="20.100000000000001" customHeight="1">
      <c r="A23" s="17" t="s">
        <v>43</v>
      </c>
      <c r="B23" s="17"/>
      <c r="C23" s="13">
        <v>11084</v>
      </c>
      <c r="D23" s="14">
        <v>5691</v>
      </c>
      <c r="E23" s="14">
        <v>5393</v>
      </c>
      <c r="F23" s="14"/>
      <c r="G23" s="18" t="s">
        <v>44</v>
      </c>
      <c r="H23" s="17"/>
      <c r="I23" s="13">
        <v>15501</v>
      </c>
      <c r="J23" s="14">
        <v>7421</v>
      </c>
      <c r="K23" s="14">
        <v>8080</v>
      </c>
    </row>
    <row r="24" spans="1:11" ht="15" customHeight="1">
      <c r="A24" s="17" t="s">
        <v>45</v>
      </c>
      <c r="B24" s="17"/>
      <c r="C24" s="13">
        <v>1998</v>
      </c>
      <c r="D24" s="19">
        <v>1076</v>
      </c>
      <c r="E24" s="19">
        <v>922</v>
      </c>
      <c r="F24" s="19"/>
      <c r="G24" s="18" t="s">
        <v>46</v>
      </c>
      <c r="H24" s="17"/>
      <c r="I24" s="13">
        <v>2800</v>
      </c>
      <c r="J24" s="19">
        <v>1365</v>
      </c>
      <c r="K24" s="19">
        <v>1435</v>
      </c>
    </row>
    <row r="25" spans="1:11" ht="15" customHeight="1">
      <c r="A25" s="17" t="s">
        <v>47</v>
      </c>
      <c r="B25" s="17"/>
      <c r="C25" s="13">
        <v>2218</v>
      </c>
      <c r="D25" s="19">
        <v>1134</v>
      </c>
      <c r="E25" s="19">
        <v>1084</v>
      </c>
      <c r="F25" s="19"/>
      <c r="G25" s="18" t="s">
        <v>48</v>
      </c>
      <c r="H25" s="17"/>
      <c r="I25" s="13">
        <v>2876</v>
      </c>
      <c r="J25" s="19">
        <v>1390</v>
      </c>
      <c r="K25" s="19">
        <v>1486</v>
      </c>
    </row>
    <row r="26" spans="1:11" ht="15" customHeight="1">
      <c r="A26" s="17" t="s">
        <v>49</v>
      </c>
      <c r="B26" s="17"/>
      <c r="C26" s="13">
        <v>2226</v>
      </c>
      <c r="D26" s="19">
        <v>1118</v>
      </c>
      <c r="E26" s="19">
        <v>1108</v>
      </c>
      <c r="F26" s="19"/>
      <c r="G26" s="18" t="s">
        <v>50</v>
      </c>
      <c r="H26" s="17"/>
      <c r="I26" s="13">
        <v>3031</v>
      </c>
      <c r="J26" s="19">
        <v>1476</v>
      </c>
      <c r="K26" s="19">
        <v>1555</v>
      </c>
    </row>
    <row r="27" spans="1:11" ht="15" customHeight="1">
      <c r="A27" s="17" t="s">
        <v>51</v>
      </c>
      <c r="B27" s="17"/>
      <c r="C27" s="13">
        <v>2278</v>
      </c>
      <c r="D27" s="19">
        <v>1169</v>
      </c>
      <c r="E27" s="19">
        <v>1109</v>
      </c>
      <c r="F27" s="19"/>
      <c r="G27" s="18" t="s">
        <v>52</v>
      </c>
      <c r="H27" s="17"/>
      <c r="I27" s="13">
        <v>3307</v>
      </c>
      <c r="J27" s="19">
        <v>1557</v>
      </c>
      <c r="K27" s="19">
        <v>1750</v>
      </c>
    </row>
    <row r="28" spans="1:11" ht="15" customHeight="1">
      <c r="A28" s="17" t="s">
        <v>53</v>
      </c>
      <c r="B28" s="17"/>
      <c r="C28" s="13">
        <v>2364</v>
      </c>
      <c r="D28" s="19">
        <v>1194</v>
      </c>
      <c r="E28" s="19">
        <v>1170</v>
      </c>
      <c r="F28" s="19"/>
      <c r="G28" s="18" t="s">
        <v>54</v>
      </c>
      <c r="H28" s="17"/>
      <c r="I28" s="13">
        <v>3487</v>
      </c>
      <c r="J28" s="19">
        <v>1633</v>
      </c>
      <c r="K28" s="19">
        <v>1854</v>
      </c>
    </row>
    <row r="29" spans="1:11" ht="20.100000000000001" customHeight="1">
      <c r="A29" s="17" t="s">
        <v>55</v>
      </c>
      <c r="B29" s="17"/>
      <c r="C29" s="13">
        <v>12223</v>
      </c>
      <c r="D29" s="14">
        <v>6183</v>
      </c>
      <c r="E29" s="14">
        <v>6040</v>
      </c>
      <c r="F29" s="14"/>
      <c r="G29" s="18" t="s">
        <v>56</v>
      </c>
      <c r="H29" s="17"/>
      <c r="I29" s="13">
        <v>17241</v>
      </c>
      <c r="J29" s="14">
        <v>8073</v>
      </c>
      <c r="K29" s="14">
        <v>9168</v>
      </c>
    </row>
    <row r="30" spans="1:11" ht="15" customHeight="1">
      <c r="A30" s="17" t="s">
        <v>57</v>
      </c>
      <c r="B30" s="17"/>
      <c r="C30" s="13">
        <v>2322</v>
      </c>
      <c r="D30" s="19">
        <v>1175</v>
      </c>
      <c r="E30" s="19">
        <v>1147</v>
      </c>
      <c r="F30" s="19"/>
      <c r="G30" s="18" t="s">
        <v>58</v>
      </c>
      <c r="H30" s="17"/>
      <c r="I30" s="13">
        <v>4049</v>
      </c>
      <c r="J30" s="19">
        <v>1918</v>
      </c>
      <c r="K30" s="19">
        <v>2131</v>
      </c>
    </row>
    <row r="31" spans="1:11" ht="15" customHeight="1">
      <c r="A31" s="17" t="s">
        <v>59</v>
      </c>
      <c r="B31" s="17"/>
      <c r="C31" s="13">
        <v>2515</v>
      </c>
      <c r="D31" s="19">
        <v>1289</v>
      </c>
      <c r="E31" s="19">
        <v>1226</v>
      </c>
      <c r="F31" s="19"/>
      <c r="G31" s="18" t="s">
        <v>60</v>
      </c>
      <c r="H31" s="17"/>
      <c r="I31" s="13">
        <v>3923</v>
      </c>
      <c r="J31" s="19">
        <v>1855</v>
      </c>
      <c r="K31" s="19">
        <v>2068</v>
      </c>
    </row>
    <row r="32" spans="1:11" ht="15" customHeight="1">
      <c r="A32" s="17" t="s">
        <v>61</v>
      </c>
      <c r="B32" s="17"/>
      <c r="C32" s="13">
        <v>2507</v>
      </c>
      <c r="D32" s="19">
        <v>1263</v>
      </c>
      <c r="E32" s="19">
        <v>1244</v>
      </c>
      <c r="F32" s="19"/>
      <c r="G32" s="18" t="s">
        <v>62</v>
      </c>
      <c r="H32" s="17"/>
      <c r="I32" s="13">
        <v>3906</v>
      </c>
      <c r="J32" s="19">
        <v>1776</v>
      </c>
      <c r="K32" s="19">
        <v>2130</v>
      </c>
    </row>
    <row r="33" spans="1:11" ht="15" customHeight="1">
      <c r="A33" s="17" t="s">
        <v>63</v>
      </c>
      <c r="B33" s="17"/>
      <c r="C33" s="13">
        <v>2494</v>
      </c>
      <c r="D33" s="19">
        <v>1237</v>
      </c>
      <c r="E33" s="19">
        <v>1257</v>
      </c>
      <c r="F33" s="19"/>
      <c r="G33" s="18" t="s">
        <v>64</v>
      </c>
      <c r="H33" s="17"/>
      <c r="I33" s="13">
        <v>2845</v>
      </c>
      <c r="J33" s="19">
        <v>1339</v>
      </c>
      <c r="K33" s="19">
        <v>1506</v>
      </c>
    </row>
    <row r="34" spans="1:11" ht="15" customHeight="1">
      <c r="A34" s="17" t="s">
        <v>65</v>
      </c>
      <c r="B34" s="17"/>
      <c r="C34" s="13">
        <v>2385</v>
      </c>
      <c r="D34" s="19">
        <v>1219</v>
      </c>
      <c r="E34" s="19">
        <v>1166</v>
      </c>
      <c r="F34" s="19"/>
      <c r="G34" s="18" t="s">
        <v>66</v>
      </c>
      <c r="H34" s="17"/>
      <c r="I34" s="13">
        <v>2518</v>
      </c>
      <c r="J34" s="19">
        <v>1185</v>
      </c>
      <c r="K34" s="19">
        <v>1333</v>
      </c>
    </row>
    <row r="35" spans="1:11" ht="20.100000000000001" customHeight="1">
      <c r="A35" s="17" t="s">
        <v>67</v>
      </c>
      <c r="B35" s="17"/>
      <c r="C35" s="13">
        <v>11059</v>
      </c>
      <c r="D35" s="14">
        <v>5546</v>
      </c>
      <c r="E35" s="14">
        <v>5513</v>
      </c>
      <c r="F35" s="14"/>
      <c r="G35" s="18" t="s">
        <v>68</v>
      </c>
      <c r="H35" s="17"/>
      <c r="I35" s="13">
        <v>15862</v>
      </c>
      <c r="J35" s="14">
        <v>6895</v>
      </c>
      <c r="K35" s="14">
        <v>8967</v>
      </c>
    </row>
    <row r="36" spans="1:11" ht="15" customHeight="1">
      <c r="A36" s="17" t="s">
        <v>69</v>
      </c>
      <c r="B36" s="17"/>
      <c r="C36" s="13">
        <v>2368</v>
      </c>
      <c r="D36" s="19">
        <v>1141</v>
      </c>
      <c r="E36" s="19">
        <v>1227</v>
      </c>
      <c r="F36" s="19"/>
      <c r="G36" s="18" t="s">
        <v>70</v>
      </c>
      <c r="H36" s="17"/>
      <c r="I36" s="13">
        <v>3040</v>
      </c>
      <c r="J36" s="19">
        <v>1330</v>
      </c>
      <c r="K36" s="19">
        <v>1710</v>
      </c>
    </row>
    <row r="37" spans="1:11" ht="15" customHeight="1">
      <c r="A37" s="17" t="s">
        <v>71</v>
      </c>
      <c r="B37" s="17"/>
      <c r="C37" s="13">
        <v>2206</v>
      </c>
      <c r="D37" s="19">
        <v>1140</v>
      </c>
      <c r="E37" s="19">
        <v>1066</v>
      </c>
      <c r="F37" s="19"/>
      <c r="G37" s="18" t="s">
        <v>72</v>
      </c>
      <c r="H37" s="17"/>
      <c r="I37" s="13">
        <v>3366</v>
      </c>
      <c r="J37" s="19">
        <v>1459</v>
      </c>
      <c r="K37" s="19">
        <v>1907</v>
      </c>
    </row>
    <row r="38" spans="1:11" ht="15" customHeight="1">
      <c r="A38" s="17" t="s">
        <v>73</v>
      </c>
      <c r="B38" s="17"/>
      <c r="C38" s="13">
        <v>2137</v>
      </c>
      <c r="D38" s="19">
        <v>1106</v>
      </c>
      <c r="E38" s="19">
        <v>1031</v>
      </c>
      <c r="F38" s="19"/>
      <c r="G38" s="18" t="s">
        <v>74</v>
      </c>
      <c r="H38" s="17"/>
      <c r="I38" s="13">
        <v>3145</v>
      </c>
      <c r="J38" s="19">
        <v>1363</v>
      </c>
      <c r="K38" s="19">
        <v>1782</v>
      </c>
    </row>
    <row r="39" spans="1:11" ht="15" customHeight="1">
      <c r="A39" s="17" t="s">
        <v>75</v>
      </c>
      <c r="B39" s="17"/>
      <c r="C39" s="13">
        <v>2183</v>
      </c>
      <c r="D39" s="19">
        <v>1084</v>
      </c>
      <c r="E39" s="19">
        <v>1099</v>
      </c>
      <c r="F39" s="19"/>
      <c r="G39" s="18" t="s">
        <v>76</v>
      </c>
      <c r="H39" s="17"/>
      <c r="I39" s="13">
        <v>3280</v>
      </c>
      <c r="J39" s="19">
        <v>1470</v>
      </c>
      <c r="K39" s="19">
        <v>1810</v>
      </c>
    </row>
    <row r="40" spans="1:11" ht="15" customHeight="1">
      <c r="A40" s="17" t="s">
        <v>77</v>
      </c>
      <c r="B40" s="17"/>
      <c r="C40" s="13">
        <v>2165</v>
      </c>
      <c r="D40" s="19">
        <v>1075</v>
      </c>
      <c r="E40" s="19">
        <v>1090</v>
      </c>
      <c r="F40" s="19"/>
      <c r="G40" s="18" t="s">
        <v>78</v>
      </c>
      <c r="H40" s="17"/>
      <c r="I40" s="13">
        <v>3031</v>
      </c>
      <c r="J40" s="19">
        <v>1273</v>
      </c>
      <c r="K40" s="19">
        <v>1758</v>
      </c>
    </row>
    <row r="41" spans="1:11" ht="20.100000000000001" customHeight="1">
      <c r="A41" s="17" t="s">
        <v>79</v>
      </c>
      <c r="B41" s="17"/>
      <c r="C41" s="13">
        <v>11567</v>
      </c>
      <c r="D41" s="14">
        <v>5794</v>
      </c>
      <c r="E41" s="14">
        <v>5773</v>
      </c>
      <c r="F41" s="14"/>
      <c r="G41" s="18" t="s">
        <v>80</v>
      </c>
      <c r="H41" s="17"/>
      <c r="I41" s="13">
        <v>12273</v>
      </c>
      <c r="J41" s="14">
        <v>5210</v>
      </c>
      <c r="K41" s="14">
        <v>7063</v>
      </c>
    </row>
    <row r="42" spans="1:11" ht="15" customHeight="1">
      <c r="A42" s="17" t="s">
        <v>81</v>
      </c>
      <c r="B42" s="17"/>
      <c r="C42" s="13">
        <v>2229</v>
      </c>
      <c r="D42" s="19">
        <v>1124</v>
      </c>
      <c r="E42" s="19">
        <v>1105</v>
      </c>
      <c r="F42" s="19"/>
      <c r="G42" s="18" t="s">
        <v>82</v>
      </c>
      <c r="H42" s="17"/>
      <c r="I42" s="13">
        <v>2593</v>
      </c>
      <c r="J42" s="19">
        <v>1150</v>
      </c>
      <c r="K42" s="19">
        <v>1443</v>
      </c>
    </row>
    <row r="43" spans="1:11" ht="15" customHeight="1">
      <c r="A43" s="17" t="s">
        <v>83</v>
      </c>
      <c r="B43" s="17"/>
      <c r="C43" s="13">
        <v>2258</v>
      </c>
      <c r="D43" s="19">
        <v>1119</v>
      </c>
      <c r="E43" s="19">
        <v>1139</v>
      </c>
      <c r="F43" s="19"/>
      <c r="G43" s="18" t="s">
        <v>84</v>
      </c>
      <c r="H43" s="17"/>
      <c r="I43" s="13">
        <v>2447</v>
      </c>
      <c r="J43" s="19">
        <v>1066</v>
      </c>
      <c r="K43" s="19">
        <v>1381</v>
      </c>
    </row>
    <row r="44" spans="1:11" ht="15" customHeight="1">
      <c r="A44" s="17" t="s">
        <v>85</v>
      </c>
      <c r="B44" s="17"/>
      <c r="C44" s="13">
        <v>2331</v>
      </c>
      <c r="D44" s="19">
        <v>1172</v>
      </c>
      <c r="E44" s="19">
        <v>1159</v>
      </c>
      <c r="F44" s="19"/>
      <c r="G44" s="18" t="s">
        <v>86</v>
      </c>
      <c r="H44" s="17"/>
      <c r="I44" s="13">
        <v>2614</v>
      </c>
      <c r="J44" s="19">
        <v>1094</v>
      </c>
      <c r="K44" s="19">
        <v>1520</v>
      </c>
    </row>
    <row r="45" spans="1:11" ht="15" customHeight="1">
      <c r="A45" s="17" t="s">
        <v>87</v>
      </c>
      <c r="B45" s="17"/>
      <c r="C45" s="13">
        <v>2281</v>
      </c>
      <c r="D45" s="19">
        <v>1156</v>
      </c>
      <c r="E45" s="19">
        <v>1125</v>
      </c>
      <c r="F45" s="19"/>
      <c r="G45" s="18" t="s">
        <v>88</v>
      </c>
      <c r="H45" s="17"/>
      <c r="I45" s="13">
        <v>2344</v>
      </c>
      <c r="J45" s="19">
        <v>992</v>
      </c>
      <c r="K45" s="19">
        <v>1352</v>
      </c>
    </row>
    <row r="46" spans="1:11" ht="15" customHeight="1">
      <c r="A46" s="17" t="s">
        <v>89</v>
      </c>
      <c r="B46" s="17"/>
      <c r="C46" s="13">
        <v>2468</v>
      </c>
      <c r="D46" s="19">
        <v>1223</v>
      </c>
      <c r="E46" s="19">
        <v>1245</v>
      </c>
      <c r="F46" s="19"/>
      <c r="G46" s="18" t="s">
        <v>90</v>
      </c>
      <c r="H46" s="17"/>
      <c r="I46" s="13">
        <v>2275</v>
      </c>
      <c r="J46" s="19">
        <v>908</v>
      </c>
      <c r="K46" s="19">
        <v>1367</v>
      </c>
    </row>
    <row r="47" spans="1:11" ht="20.100000000000001" customHeight="1">
      <c r="A47" s="17" t="s">
        <v>91</v>
      </c>
      <c r="B47" s="17"/>
      <c r="C47" s="13">
        <v>13483</v>
      </c>
      <c r="D47" s="14">
        <v>6811</v>
      </c>
      <c r="E47" s="14">
        <v>6672</v>
      </c>
      <c r="F47" s="14"/>
      <c r="G47" s="18" t="s">
        <v>92</v>
      </c>
      <c r="H47" s="17"/>
      <c r="I47" s="13">
        <v>7673</v>
      </c>
      <c r="J47" s="14">
        <v>2891</v>
      </c>
      <c r="K47" s="14">
        <v>4782</v>
      </c>
    </row>
    <row r="48" spans="1:11" ht="15" customHeight="1">
      <c r="A48" s="17" t="s">
        <v>93</v>
      </c>
      <c r="B48" s="17"/>
      <c r="C48" s="13">
        <v>2546</v>
      </c>
      <c r="D48" s="19">
        <v>1303</v>
      </c>
      <c r="E48" s="19">
        <v>1243</v>
      </c>
      <c r="F48" s="19"/>
      <c r="G48" s="18" t="s">
        <v>94</v>
      </c>
      <c r="H48" s="17"/>
      <c r="I48" s="13">
        <v>1858</v>
      </c>
      <c r="J48" s="19">
        <v>726</v>
      </c>
      <c r="K48" s="19">
        <v>1132</v>
      </c>
    </row>
    <row r="49" spans="1:11" ht="15" customHeight="1">
      <c r="A49" s="17" t="s">
        <v>95</v>
      </c>
      <c r="B49" s="17"/>
      <c r="C49" s="13">
        <v>2662</v>
      </c>
      <c r="D49" s="19">
        <v>1303</v>
      </c>
      <c r="E49" s="19">
        <v>1359</v>
      </c>
      <c r="F49" s="19"/>
      <c r="G49" s="18" t="s">
        <v>96</v>
      </c>
      <c r="H49" s="17"/>
      <c r="I49" s="13">
        <v>1761</v>
      </c>
      <c r="J49" s="19">
        <v>702</v>
      </c>
      <c r="K49" s="19">
        <v>1059</v>
      </c>
    </row>
    <row r="50" spans="1:11" ht="15" customHeight="1">
      <c r="A50" s="17" t="s">
        <v>97</v>
      </c>
      <c r="B50" s="17"/>
      <c r="C50" s="13">
        <v>2709</v>
      </c>
      <c r="D50" s="19">
        <v>1381</v>
      </c>
      <c r="E50" s="19">
        <v>1328</v>
      </c>
      <c r="F50" s="19"/>
      <c r="G50" s="18" t="s">
        <v>98</v>
      </c>
      <c r="H50" s="17"/>
      <c r="I50" s="13">
        <v>1549</v>
      </c>
      <c r="J50" s="19">
        <v>567</v>
      </c>
      <c r="K50" s="19">
        <v>982</v>
      </c>
    </row>
    <row r="51" spans="1:11" ht="15" customHeight="1">
      <c r="A51" s="17" t="s">
        <v>99</v>
      </c>
      <c r="B51" s="17"/>
      <c r="C51" s="13">
        <v>2719</v>
      </c>
      <c r="D51" s="19">
        <v>1401</v>
      </c>
      <c r="E51" s="19">
        <v>1318</v>
      </c>
      <c r="F51" s="19"/>
      <c r="G51" s="18" t="s">
        <v>100</v>
      </c>
      <c r="H51" s="17"/>
      <c r="I51" s="13">
        <v>1333</v>
      </c>
      <c r="J51" s="19">
        <v>496</v>
      </c>
      <c r="K51" s="19">
        <v>837</v>
      </c>
    </row>
    <row r="52" spans="1:11" ht="15" customHeight="1">
      <c r="A52" s="17" t="s">
        <v>101</v>
      </c>
      <c r="B52" s="17"/>
      <c r="C52" s="13">
        <v>2847</v>
      </c>
      <c r="D52" s="19">
        <v>1423</v>
      </c>
      <c r="E52" s="19">
        <v>1424</v>
      </c>
      <c r="F52" s="19"/>
      <c r="G52" s="18" t="s">
        <v>102</v>
      </c>
      <c r="H52" s="17"/>
      <c r="I52" s="13">
        <v>1172</v>
      </c>
      <c r="J52" s="19">
        <v>400</v>
      </c>
      <c r="K52" s="19">
        <v>772</v>
      </c>
    </row>
    <row r="53" spans="1:11" ht="20.100000000000001" customHeight="1">
      <c r="A53" s="17" t="s">
        <v>103</v>
      </c>
      <c r="B53" s="17"/>
      <c r="C53" s="13">
        <v>16093</v>
      </c>
      <c r="D53" s="14">
        <v>8098</v>
      </c>
      <c r="E53" s="14">
        <v>7995</v>
      </c>
      <c r="F53" s="14"/>
      <c r="G53" s="18" t="s">
        <v>104</v>
      </c>
      <c r="H53" s="17"/>
      <c r="I53" s="13">
        <v>3499</v>
      </c>
      <c r="J53" s="14">
        <v>1031</v>
      </c>
      <c r="K53" s="14">
        <v>2468</v>
      </c>
    </row>
    <row r="54" spans="1:11" ht="15" customHeight="1">
      <c r="A54" s="17" t="s">
        <v>105</v>
      </c>
      <c r="B54" s="17"/>
      <c r="C54" s="13">
        <v>2975</v>
      </c>
      <c r="D54" s="19">
        <v>1530</v>
      </c>
      <c r="E54" s="19">
        <v>1445</v>
      </c>
      <c r="F54" s="19"/>
      <c r="G54" s="18" t="s">
        <v>106</v>
      </c>
      <c r="H54" s="17"/>
      <c r="I54" s="13">
        <v>999</v>
      </c>
      <c r="J54" s="19">
        <v>333</v>
      </c>
      <c r="K54" s="19">
        <v>666</v>
      </c>
    </row>
    <row r="55" spans="1:11" ht="15" customHeight="1">
      <c r="A55" s="17" t="s">
        <v>107</v>
      </c>
      <c r="B55" s="17"/>
      <c r="C55" s="13">
        <v>3028</v>
      </c>
      <c r="D55" s="19">
        <v>1497</v>
      </c>
      <c r="E55" s="19">
        <v>1531</v>
      </c>
      <c r="F55" s="19"/>
      <c r="G55" s="18" t="s">
        <v>108</v>
      </c>
      <c r="H55" s="17"/>
      <c r="I55" s="13">
        <v>842</v>
      </c>
      <c r="J55" s="19">
        <v>250</v>
      </c>
      <c r="K55" s="19">
        <v>592</v>
      </c>
    </row>
    <row r="56" spans="1:11" ht="15" customHeight="1">
      <c r="A56" s="17" t="s">
        <v>109</v>
      </c>
      <c r="B56" s="17"/>
      <c r="C56" s="13">
        <v>3277</v>
      </c>
      <c r="D56" s="19">
        <v>1648</v>
      </c>
      <c r="E56" s="19">
        <v>1629</v>
      </c>
      <c r="F56" s="19"/>
      <c r="G56" s="18" t="s">
        <v>110</v>
      </c>
      <c r="H56" s="17"/>
      <c r="I56" s="13">
        <v>680</v>
      </c>
      <c r="J56" s="19">
        <v>177</v>
      </c>
      <c r="K56" s="19">
        <v>503</v>
      </c>
    </row>
    <row r="57" spans="1:11" ht="15" customHeight="1">
      <c r="A57" s="17" t="s">
        <v>111</v>
      </c>
      <c r="B57" s="17"/>
      <c r="C57" s="13">
        <v>3386</v>
      </c>
      <c r="D57" s="19">
        <v>1716</v>
      </c>
      <c r="E57" s="19">
        <v>1670</v>
      </c>
      <c r="F57" s="19"/>
      <c r="G57" s="18" t="s">
        <v>112</v>
      </c>
      <c r="H57" s="17"/>
      <c r="I57" s="13">
        <v>535</v>
      </c>
      <c r="J57" s="19">
        <v>155</v>
      </c>
      <c r="K57" s="19">
        <v>380</v>
      </c>
    </row>
    <row r="58" spans="1:11" ht="15" customHeight="1">
      <c r="A58" s="17" t="s">
        <v>113</v>
      </c>
      <c r="B58" s="17"/>
      <c r="C58" s="13">
        <v>3427</v>
      </c>
      <c r="D58" s="19">
        <v>1707</v>
      </c>
      <c r="E58" s="19">
        <v>1720</v>
      </c>
      <c r="F58" s="19"/>
      <c r="G58" s="18" t="s">
        <v>114</v>
      </c>
      <c r="H58" s="17"/>
      <c r="I58" s="13">
        <v>443</v>
      </c>
      <c r="J58" s="19">
        <v>116</v>
      </c>
      <c r="K58" s="19">
        <v>327</v>
      </c>
    </row>
    <row r="59" spans="1:11" ht="20.100000000000001" customHeight="1">
      <c r="A59" s="17" t="s">
        <v>115</v>
      </c>
      <c r="B59" s="17"/>
      <c r="C59" s="13">
        <v>20045</v>
      </c>
      <c r="D59" s="14">
        <v>10131</v>
      </c>
      <c r="E59" s="14">
        <v>9914</v>
      </c>
      <c r="F59" s="14"/>
      <c r="G59" s="18" t="s">
        <v>116</v>
      </c>
      <c r="H59" s="17"/>
      <c r="I59" s="13">
        <v>973</v>
      </c>
      <c r="J59" s="14">
        <v>186</v>
      </c>
      <c r="K59" s="14">
        <v>787</v>
      </c>
    </row>
    <row r="60" spans="1:11" ht="15" customHeight="1">
      <c r="A60" s="17" t="s">
        <v>117</v>
      </c>
      <c r="B60" s="17"/>
      <c r="C60" s="13">
        <v>3804</v>
      </c>
      <c r="D60" s="19">
        <v>1953</v>
      </c>
      <c r="E60" s="19">
        <v>1851</v>
      </c>
      <c r="F60" s="19"/>
      <c r="G60" s="18" t="s">
        <v>118</v>
      </c>
      <c r="H60" s="17"/>
      <c r="I60" s="13">
        <v>364</v>
      </c>
      <c r="J60" s="19">
        <v>71</v>
      </c>
      <c r="K60" s="19">
        <v>293</v>
      </c>
    </row>
    <row r="61" spans="1:11" ht="15" customHeight="1">
      <c r="A61" s="17" t="s">
        <v>119</v>
      </c>
      <c r="B61" s="17"/>
      <c r="C61" s="13">
        <v>4070</v>
      </c>
      <c r="D61" s="19">
        <v>2000</v>
      </c>
      <c r="E61" s="19">
        <v>2070</v>
      </c>
      <c r="F61" s="19"/>
      <c r="G61" s="18" t="s">
        <v>120</v>
      </c>
      <c r="H61" s="17"/>
      <c r="I61" s="13">
        <v>235</v>
      </c>
      <c r="J61" s="19">
        <v>43</v>
      </c>
      <c r="K61" s="19">
        <v>192</v>
      </c>
    </row>
    <row r="62" spans="1:11" ht="15" customHeight="1">
      <c r="A62" s="17" t="s">
        <v>121</v>
      </c>
      <c r="B62" s="17"/>
      <c r="C62" s="13">
        <v>3945</v>
      </c>
      <c r="D62" s="19">
        <v>2019</v>
      </c>
      <c r="E62" s="19">
        <v>1926</v>
      </c>
      <c r="F62" s="19"/>
      <c r="G62" s="18" t="s">
        <v>122</v>
      </c>
      <c r="H62" s="17"/>
      <c r="I62" s="13">
        <v>176</v>
      </c>
      <c r="J62" s="19">
        <v>35</v>
      </c>
      <c r="K62" s="19">
        <v>141</v>
      </c>
    </row>
    <row r="63" spans="1:11" ht="15" customHeight="1">
      <c r="A63" s="17" t="s">
        <v>123</v>
      </c>
      <c r="B63" s="17"/>
      <c r="C63" s="13">
        <v>4111</v>
      </c>
      <c r="D63" s="19">
        <v>2076</v>
      </c>
      <c r="E63" s="19">
        <v>2035</v>
      </c>
      <c r="F63" s="19"/>
      <c r="G63" s="18" t="s">
        <v>124</v>
      </c>
      <c r="H63" s="17"/>
      <c r="I63" s="13">
        <v>128</v>
      </c>
      <c r="J63" s="19">
        <v>27</v>
      </c>
      <c r="K63" s="19">
        <v>101</v>
      </c>
    </row>
    <row r="64" spans="1:11" ht="15" customHeight="1">
      <c r="A64" s="17" t="s">
        <v>125</v>
      </c>
      <c r="B64" s="17"/>
      <c r="C64" s="13">
        <v>4115</v>
      </c>
      <c r="D64" s="19">
        <v>2083</v>
      </c>
      <c r="E64" s="19">
        <v>2032</v>
      </c>
      <c r="F64" s="19"/>
      <c r="G64" s="18" t="s">
        <v>126</v>
      </c>
      <c r="H64" s="17"/>
      <c r="I64" s="13">
        <v>70</v>
      </c>
      <c r="J64" s="19">
        <v>10</v>
      </c>
      <c r="K64" s="19">
        <v>6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4</v>
      </c>
      <c r="J65" s="19">
        <v>21</v>
      </c>
      <c r="K65" s="19">
        <v>14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32</v>
      </c>
      <c r="J66" s="29">
        <v>334</v>
      </c>
      <c r="K66" s="29">
        <v>29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2495</v>
      </c>
      <c r="D4" s="14">
        <v>89793</v>
      </c>
      <c r="E4" s="14">
        <v>927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307</v>
      </c>
      <c r="D5" s="14">
        <v>3732</v>
      </c>
      <c r="E5" s="14">
        <v>3575</v>
      </c>
      <c r="F5" s="14"/>
      <c r="G5" s="18" t="s">
        <v>8</v>
      </c>
      <c r="H5" s="17"/>
      <c r="I5" s="13">
        <v>14412</v>
      </c>
      <c r="J5" s="14">
        <v>7491</v>
      </c>
      <c r="K5" s="14">
        <v>6921</v>
      </c>
    </row>
    <row r="6" spans="1:11" ht="15" customHeight="1">
      <c r="A6" s="17" t="s">
        <v>9</v>
      </c>
      <c r="B6" s="17"/>
      <c r="C6" s="13">
        <v>1388</v>
      </c>
      <c r="D6" s="19">
        <v>734</v>
      </c>
      <c r="E6" s="19">
        <v>654</v>
      </c>
      <c r="F6" s="19"/>
      <c r="G6" s="18" t="s">
        <v>10</v>
      </c>
      <c r="H6" s="17"/>
      <c r="I6" s="13">
        <v>3149</v>
      </c>
      <c r="J6" s="19">
        <v>1686</v>
      </c>
      <c r="K6" s="19">
        <v>1463</v>
      </c>
    </row>
    <row r="7" spans="1:11" ht="15" customHeight="1">
      <c r="A7" s="17" t="s">
        <v>11</v>
      </c>
      <c r="B7" s="17"/>
      <c r="C7" s="13">
        <v>1469</v>
      </c>
      <c r="D7" s="19">
        <v>749</v>
      </c>
      <c r="E7" s="19">
        <v>720</v>
      </c>
      <c r="F7" s="19"/>
      <c r="G7" s="18" t="s">
        <v>12</v>
      </c>
      <c r="H7" s="17"/>
      <c r="I7" s="13">
        <v>3039</v>
      </c>
      <c r="J7" s="19">
        <v>1603</v>
      </c>
      <c r="K7" s="19">
        <v>1436</v>
      </c>
    </row>
    <row r="8" spans="1:11" ht="15" customHeight="1">
      <c r="A8" s="17" t="s">
        <v>13</v>
      </c>
      <c r="B8" s="17"/>
      <c r="C8" s="13">
        <v>1444</v>
      </c>
      <c r="D8" s="19">
        <v>710</v>
      </c>
      <c r="E8" s="19">
        <v>734</v>
      </c>
      <c r="F8" s="19"/>
      <c r="G8" s="18" t="s">
        <v>14</v>
      </c>
      <c r="H8" s="17"/>
      <c r="I8" s="13">
        <v>3119</v>
      </c>
      <c r="J8" s="19">
        <v>1581</v>
      </c>
      <c r="K8" s="19">
        <v>1538</v>
      </c>
    </row>
    <row r="9" spans="1:11" ht="15" customHeight="1">
      <c r="A9" s="17" t="s">
        <v>15</v>
      </c>
      <c r="B9" s="17"/>
      <c r="C9" s="13">
        <v>1537</v>
      </c>
      <c r="D9" s="19">
        <v>782</v>
      </c>
      <c r="E9" s="19">
        <v>755</v>
      </c>
      <c r="F9" s="19"/>
      <c r="G9" s="18" t="s">
        <v>16</v>
      </c>
      <c r="H9" s="17"/>
      <c r="I9" s="13">
        <v>2197</v>
      </c>
      <c r="J9" s="19">
        <v>1136</v>
      </c>
      <c r="K9" s="19">
        <v>1061</v>
      </c>
    </row>
    <row r="10" spans="1:11" ht="15" customHeight="1">
      <c r="A10" s="17" t="s">
        <v>17</v>
      </c>
      <c r="B10" s="17"/>
      <c r="C10" s="13">
        <v>1469</v>
      </c>
      <c r="D10" s="19">
        <v>757</v>
      </c>
      <c r="E10" s="19">
        <v>712</v>
      </c>
      <c r="F10" s="19"/>
      <c r="G10" s="18" t="s">
        <v>18</v>
      </c>
      <c r="H10" s="17"/>
      <c r="I10" s="13">
        <v>2908</v>
      </c>
      <c r="J10" s="19">
        <v>1485</v>
      </c>
      <c r="K10" s="19">
        <v>1423</v>
      </c>
    </row>
    <row r="11" spans="1:11" ht="20.100000000000001" customHeight="1">
      <c r="A11" s="17" t="s">
        <v>19</v>
      </c>
      <c r="B11" s="17"/>
      <c r="C11" s="13">
        <v>7755</v>
      </c>
      <c r="D11" s="14">
        <v>3962</v>
      </c>
      <c r="E11" s="14">
        <v>3793</v>
      </c>
      <c r="F11" s="14"/>
      <c r="G11" s="18" t="s">
        <v>20</v>
      </c>
      <c r="H11" s="17"/>
      <c r="I11" s="13">
        <v>11437</v>
      </c>
      <c r="J11" s="14">
        <v>5881</v>
      </c>
      <c r="K11" s="14">
        <v>5556</v>
      </c>
    </row>
    <row r="12" spans="1:11" ht="15" customHeight="1">
      <c r="A12" s="17" t="s">
        <v>21</v>
      </c>
      <c r="B12" s="17"/>
      <c r="C12" s="13">
        <v>1479</v>
      </c>
      <c r="D12" s="19">
        <v>745</v>
      </c>
      <c r="E12" s="19">
        <v>734</v>
      </c>
      <c r="F12" s="19"/>
      <c r="G12" s="18" t="s">
        <v>22</v>
      </c>
      <c r="H12" s="17"/>
      <c r="I12" s="13">
        <v>2560</v>
      </c>
      <c r="J12" s="19">
        <v>1355</v>
      </c>
      <c r="K12" s="19">
        <v>1205</v>
      </c>
    </row>
    <row r="13" spans="1:11" ht="15" customHeight="1">
      <c r="A13" s="17" t="s">
        <v>23</v>
      </c>
      <c r="B13" s="17"/>
      <c r="C13" s="13">
        <v>1504</v>
      </c>
      <c r="D13" s="19">
        <v>765</v>
      </c>
      <c r="E13" s="19">
        <v>739</v>
      </c>
      <c r="F13" s="19"/>
      <c r="G13" s="18" t="s">
        <v>24</v>
      </c>
      <c r="H13" s="17"/>
      <c r="I13" s="13">
        <v>2460</v>
      </c>
      <c r="J13" s="19">
        <v>1285</v>
      </c>
      <c r="K13" s="19">
        <v>1175</v>
      </c>
    </row>
    <row r="14" spans="1:11" ht="15" customHeight="1">
      <c r="A14" s="17" t="s">
        <v>25</v>
      </c>
      <c r="B14" s="17"/>
      <c r="C14" s="13">
        <v>1576</v>
      </c>
      <c r="D14" s="19">
        <v>811</v>
      </c>
      <c r="E14" s="19">
        <v>765</v>
      </c>
      <c r="F14" s="19"/>
      <c r="G14" s="18" t="s">
        <v>26</v>
      </c>
      <c r="H14" s="17"/>
      <c r="I14" s="13">
        <v>2161</v>
      </c>
      <c r="J14" s="19">
        <v>1097</v>
      </c>
      <c r="K14" s="19">
        <v>1064</v>
      </c>
    </row>
    <row r="15" spans="1:11" ht="15" customHeight="1">
      <c r="A15" s="17" t="s">
        <v>27</v>
      </c>
      <c r="B15" s="17"/>
      <c r="C15" s="13">
        <v>1598</v>
      </c>
      <c r="D15" s="19">
        <v>813</v>
      </c>
      <c r="E15" s="19">
        <v>785</v>
      </c>
      <c r="F15" s="19"/>
      <c r="G15" s="18" t="s">
        <v>28</v>
      </c>
      <c r="H15" s="17"/>
      <c r="I15" s="13">
        <v>2100</v>
      </c>
      <c r="J15" s="19">
        <v>1071</v>
      </c>
      <c r="K15" s="19">
        <v>1029</v>
      </c>
    </row>
    <row r="16" spans="1:11" ht="15" customHeight="1">
      <c r="A16" s="17" t="s">
        <v>29</v>
      </c>
      <c r="B16" s="17"/>
      <c r="C16" s="13">
        <v>1598</v>
      </c>
      <c r="D16" s="19">
        <v>828</v>
      </c>
      <c r="E16" s="19">
        <v>770</v>
      </c>
      <c r="F16" s="19"/>
      <c r="G16" s="18" t="s">
        <v>30</v>
      </c>
      <c r="H16" s="17"/>
      <c r="I16" s="13">
        <v>2156</v>
      </c>
      <c r="J16" s="19">
        <v>1073</v>
      </c>
      <c r="K16" s="19">
        <v>1083</v>
      </c>
    </row>
    <row r="17" spans="1:11" ht="20.100000000000001" customHeight="1">
      <c r="A17" s="20" t="s">
        <v>31</v>
      </c>
      <c r="B17" s="20"/>
      <c r="C17" s="13">
        <v>8205</v>
      </c>
      <c r="D17" s="14">
        <v>4269</v>
      </c>
      <c r="E17" s="14">
        <v>3936</v>
      </c>
      <c r="F17" s="14"/>
      <c r="G17" s="18" t="s">
        <v>32</v>
      </c>
      <c r="H17" s="17"/>
      <c r="I17" s="13">
        <v>9265</v>
      </c>
      <c r="J17" s="14">
        <v>4647</v>
      </c>
      <c r="K17" s="14">
        <v>4618</v>
      </c>
    </row>
    <row r="18" spans="1:11" ht="15" customHeight="1">
      <c r="A18" s="17" t="s">
        <v>33</v>
      </c>
      <c r="B18" s="17"/>
      <c r="C18" s="13">
        <v>1643</v>
      </c>
      <c r="D18" s="19">
        <v>830</v>
      </c>
      <c r="E18" s="19">
        <v>813</v>
      </c>
      <c r="F18" s="19"/>
      <c r="G18" s="18" t="s">
        <v>34</v>
      </c>
      <c r="H18" s="17"/>
      <c r="I18" s="13">
        <v>1933</v>
      </c>
      <c r="J18" s="19">
        <v>992</v>
      </c>
      <c r="K18" s="19">
        <v>941</v>
      </c>
    </row>
    <row r="19" spans="1:11" ht="15" customHeight="1">
      <c r="A19" s="17" t="s">
        <v>35</v>
      </c>
      <c r="B19" s="17"/>
      <c r="C19" s="13">
        <v>1619</v>
      </c>
      <c r="D19" s="19">
        <v>884</v>
      </c>
      <c r="E19" s="19">
        <v>735</v>
      </c>
      <c r="F19" s="19"/>
      <c r="G19" s="18" t="s">
        <v>36</v>
      </c>
      <c r="H19" s="17"/>
      <c r="I19" s="13">
        <v>1987</v>
      </c>
      <c r="J19" s="19">
        <v>1019</v>
      </c>
      <c r="K19" s="19">
        <v>968</v>
      </c>
    </row>
    <row r="20" spans="1:11" ht="15" customHeight="1">
      <c r="A20" s="17" t="s">
        <v>37</v>
      </c>
      <c r="B20" s="17"/>
      <c r="C20" s="13">
        <v>1652</v>
      </c>
      <c r="D20" s="19">
        <v>865</v>
      </c>
      <c r="E20" s="19">
        <v>787</v>
      </c>
      <c r="F20" s="19"/>
      <c r="G20" s="18" t="s">
        <v>38</v>
      </c>
      <c r="H20" s="17"/>
      <c r="I20" s="13">
        <v>1725</v>
      </c>
      <c r="J20" s="19">
        <v>831</v>
      </c>
      <c r="K20" s="19">
        <v>894</v>
      </c>
    </row>
    <row r="21" spans="1:11" ht="15" customHeight="1">
      <c r="A21" s="17" t="s">
        <v>39</v>
      </c>
      <c r="B21" s="17"/>
      <c r="C21" s="13">
        <v>1684</v>
      </c>
      <c r="D21" s="19">
        <v>860</v>
      </c>
      <c r="E21" s="19">
        <v>824</v>
      </c>
      <c r="F21" s="19"/>
      <c r="G21" s="18" t="s">
        <v>40</v>
      </c>
      <c r="H21" s="17"/>
      <c r="I21" s="13">
        <v>1806</v>
      </c>
      <c r="J21" s="19">
        <v>889</v>
      </c>
      <c r="K21" s="19">
        <v>917</v>
      </c>
    </row>
    <row r="22" spans="1:11" ht="15" customHeight="1">
      <c r="A22" s="17" t="s">
        <v>41</v>
      </c>
      <c r="B22" s="17"/>
      <c r="C22" s="13">
        <v>1607</v>
      </c>
      <c r="D22" s="19">
        <v>830</v>
      </c>
      <c r="E22" s="19">
        <v>777</v>
      </c>
      <c r="F22" s="19"/>
      <c r="G22" s="18" t="s">
        <v>42</v>
      </c>
      <c r="H22" s="17"/>
      <c r="I22" s="13">
        <v>1814</v>
      </c>
      <c r="J22" s="19">
        <v>916</v>
      </c>
      <c r="K22" s="19">
        <v>898</v>
      </c>
    </row>
    <row r="23" spans="1:11" ht="20.100000000000001" customHeight="1">
      <c r="A23" s="17" t="s">
        <v>43</v>
      </c>
      <c r="B23" s="17"/>
      <c r="C23" s="13">
        <v>9052</v>
      </c>
      <c r="D23" s="14">
        <v>4553</v>
      </c>
      <c r="E23" s="14">
        <v>4499</v>
      </c>
      <c r="F23" s="14"/>
      <c r="G23" s="18" t="s">
        <v>44</v>
      </c>
      <c r="H23" s="17"/>
      <c r="I23" s="13">
        <v>10031</v>
      </c>
      <c r="J23" s="14">
        <v>4841</v>
      </c>
      <c r="K23" s="14">
        <v>5190</v>
      </c>
    </row>
    <row r="24" spans="1:11" ht="15" customHeight="1">
      <c r="A24" s="17" t="s">
        <v>45</v>
      </c>
      <c r="B24" s="17"/>
      <c r="C24" s="13">
        <v>1725</v>
      </c>
      <c r="D24" s="19">
        <v>839</v>
      </c>
      <c r="E24" s="19">
        <v>886</v>
      </c>
      <c r="F24" s="19"/>
      <c r="G24" s="18" t="s">
        <v>46</v>
      </c>
      <c r="H24" s="17"/>
      <c r="I24" s="13">
        <v>1870</v>
      </c>
      <c r="J24" s="19">
        <v>920</v>
      </c>
      <c r="K24" s="19">
        <v>950</v>
      </c>
    </row>
    <row r="25" spans="1:11" ht="15" customHeight="1">
      <c r="A25" s="17" t="s">
        <v>47</v>
      </c>
      <c r="B25" s="17"/>
      <c r="C25" s="13">
        <v>1750</v>
      </c>
      <c r="D25" s="19">
        <v>904</v>
      </c>
      <c r="E25" s="19">
        <v>846</v>
      </c>
      <c r="F25" s="19"/>
      <c r="G25" s="18" t="s">
        <v>48</v>
      </c>
      <c r="H25" s="17"/>
      <c r="I25" s="13">
        <v>1886</v>
      </c>
      <c r="J25" s="19">
        <v>889</v>
      </c>
      <c r="K25" s="19">
        <v>997</v>
      </c>
    </row>
    <row r="26" spans="1:11" ht="15" customHeight="1">
      <c r="A26" s="17" t="s">
        <v>49</v>
      </c>
      <c r="B26" s="17"/>
      <c r="C26" s="13">
        <v>1780</v>
      </c>
      <c r="D26" s="19">
        <v>888</v>
      </c>
      <c r="E26" s="19">
        <v>892</v>
      </c>
      <c r="F26" s="19"/>
      <c r="G26" s="18" t="s">
        <v>50</v>
      </c>
      <c r="H26" s="17"/>
      <c r="I26" s="13">
        <v>1984</v>
      </c>
      <c r="J26" s="19">
        <v>926</v>
      </c>
      <c r="K26" s="19">
        <v>1058</v>
      </c>
    </row>
    <row r="27" spans="1:11" ht="15" customHeight="1">
      <c r="A27" s="17" t="s">
        <v>51</v>
      </c>
      <c r="B27" s="17"/>
      <c r="C27" s="13">
        <v>1865</v>
      </c>
      <c r="D27" s="19">
        <v>934</v>
      </c>
      <c r="E27" s="19">
        <v>931</v>
      </c>
      <c r="F27" s="19"/>
      <c r="G27" s="18" t="s">
        <v>52</v>
      </c>
      <c r="H27" s="17"/>
      <c r="I27" s="13">
        <v>2044</v>
      </c>
      <c r="J27" s="19">
        <v>1022</v>
      </c>
      <c r="K27" s="19">
        <v>1022</v>
      </c>
    </row>
    <row r="28" spans="1:11" ht="15" customHeight="1">
      <c r="A28" s="17" t="s">
        <v>53</v>
      </c>
      <c r="B28" s="17"/>
      <c r="C28" s="13">
        <v>1932</v>
      </c>
      <c r="D28" s="19">
        <v>988</v>
      </c>
      <c r="E28" s="19">
        <v>944</v>
      </c>
      <c r="F28" s="19"/>
      <c r="G28" s="18" t="s">
        <v>54</v>
      </c>
      <c r="H28" s="17"/>
      <c r="I28" s="13">
        <v>2247</v>
      </c>
      <c r="J28" s="19">
        <v>1084</v>
      </c>
      <c r="K28" s="19">
        <v>1163</v>
      </c>
    </row>
    <row r="29" spans="1:11" ht="20.100000000000001" customHeight="1">
      <c r="A29" s="17" t="s">
        <v>55</v>
      </c>
      <c r="B29" s="17"/>
      <c r="C29" s="13">
        <v>10042</v>
      </c>
      <c r="D29" s="14">
        <v>5017</v>
      </c>
      <c r="E29" s="14">
        <v>5025</v>
      </c>
      <c r="F29" s="14"/>
      <c r="G29" s="18" t="s">
        <v>56</v>
      </c>
      <c r="H29" s="17"/>
      <c r="I29" s="13">
        <v>10964</v>
      </c>
      <c r="J29" s="14">
        <v>5089</v>
      </c>
      <c r="K29" s="14">
        <v>5875</v>
      </c>
    </row>
    <row r="30" spans="1:11" ht="15" customHeight="1">
      <c r="A30" s="17" t="s">
        <v>57</v>
      </c>
      <c r="B30" s="17"/>
      <c r="C30" s="13">
        <v>1897</v>
      </c>
      <c r="D30" s="19">
        <v>932</v>
      </c>
      <c r="E30" s="19">
        <v>965</v>
      </c>
      <c r="F30" s="19"/>
      <c r="G30" s="18" t="s">
        <v>58</v>
      </c>
      <c r="H30" s="17"/>
      <c r="I30" s="13">
        <v>2556</v>
      </c>
      <c r="J30" s="19">
        <v>1189</v>
      </c>
      <c r="K30" s="19">
        <v>1367</v>
      </c>
    </row>
    <row r="31" spans="1:11" ht="15" customHeight="1">
      <c r="A31" s="17" t="s">
        <v>59</v>
      </c>
      <c r="B31" s="17"/>
      <c r="C31" s="13">
        <v>1948</v>
      </c>
      <c r="D31" s="19">
        <v>964</v>
      </c>
      <c r="E31" s="19">
        <v>984</v>
      </c>
      <c r="F31" s="19"/>
      <c r="G31" s="18" t="s">
        <v>60</v>
      </c>
      <c r="H31" s="17"/>
      <c r="I31" s="13">
        <v>2529</v>
      </c>
      <c r="J31" s="19">
        <v>1189</v>
      </c>
      <c r="K31" s="19">
        <v>1340</v>
      </c>
    </row>
    <row r="32" spans="1:11" ht="15" customHeight="1">
      <c r="A32" s="17" t="s">
        <v>61</v>
      </c>
      <c r="B32" s="17"/>
      <c r="C32" s="13">
        <v>1977</v>
      </c>
      <c r="D32" s="19">
        <v>1009</v>
      </c>
      <c r="E32" s="19">
        <v>968</v>
      </c>
      <c r="F32" s="19"/>
      <c r="G32" s="18" t="s">
        <v>62</v>
      </c>
      <c r="H32" s="17"/>
      <c r="I32" s="13">
        <v>2461</v>
      </c>
      <c r="J32" s="19">
        <v>1121</v>
      </c>
      <c r="K32" s="19">
        <v>1340</v>
      </c>
    </row>
    <row r="33" spans="1:11" ht="15" customHeight="1">
      <c r="A33" s="17" t="s">
        <v>63</v>
      </c>
      <c r="B33" s="17"/>
      <c r="C33" s="13">
        <v>2148</v>
      </c>
      <c r="D33" s="19">
        <v>1087</v>
      </c>
      <c r="E33" s="19">
        <v>1061</v>
      </c>
      <c r="F33" s="19"/>
      <c r="G33" s="18" t="s">
        <v>64</v>
      </c>
      <c r="H33" s="17"/>
      <c r="I33" s="13">
        <v>1782</v>
      </c>
      <c r="J33" s="19">
        <v>843</v>
      </c>
      <c r="K33" s="19">
        <v>939</v>
      </c>
    </row>
    <row r="34" spans="1:11" ht="15" customHeight="1">
      <c r="A34" s="17" t="s">
        <v>65</v>
      </c>
      <c r="B34" s="17"/>
      <c r="C34" s="13">
        <v>2072</v>
      </c>
      <c r="D34" s="19">
        <v>1025</v>
      </c>
      <c r="E34" s="19">
        <v>1047</v>
      </c>
      <c r="F34" s="19"/>
      <c r="G34" s="18" t="s">
        <v>66</v>
      </c>
      <c r="H34" s="17"/>
      <c r="I34" s="13">
        <v>1636</v>
      </c>
      <c r="J34" s="19">
        <v>747</v>
      </c>
      <c r="K34" s="19">
        <v>889</v>
      </c>
    </row>
    <row r="35" spans="1:11" ht="20.100000000000001" customHeight="1">
      <c r="A35" s="17" t="s">
        <v>67</v>
      </c>
      <c r="B35" s="17"/>
      <c r="C35" s="13">
        <v>9515</v>
      </c>
      <c r="D35" s="14">
        <v>4747</v>
      </c>
      <c r="E35" s="14">
        <v>4768</v>
      </c>
      <c r="F35" s="14"/>
      <c r="G35" s="18" t="s">
        <v>68</v>
      </c>
      <c r="H35" s="17"/>
      <c r="I35" s="13">
        <v>9481</v>
      </c>
      <c r="J35" s="14">
        <v>4269</v>
      </c>
      <c r="K35" s="14">
        <v>5212</v>
      </c>
    </row>
    <row r="36" spans="1:11" ht="15" customHeight="1">
      <c r="A36" s="17" t="s">
        <v>69</v>
      </c>
      <c r="B36" s="17"/>
      <c r="C36" s="13">
        <v>2010</v>
      </c>
      <c r="D36" s="19">
        <v>961</v>
      </c>
      <c r="E36" s="19">
        <v>1049</v>
      </c>
      <c r="F36" s="19"/>
      <c r="G36" s="18" t="s">
        <v>70</v>
      </c>
      <c r="H36" s="17"/>
      <c r="I36" s="13">
        <v>1885</v>
      </c>
      <c r="J36" s="19">
        <v>848</v>
      </c>
      <c r="K36" s="19">
        <v>1037</v>
      </c>
    </row>
    <row r="37" spans="1:11" ht="15" customHeight="1">
      <c r="A37" s="17" t="s">
        <v>71</v>
      </c>
      <c r="B37" s="17"/>
      <c r="C37" s="13">
        <v>1913</v>
      </c>
      <c r="D37" s="19">
        <v>965</v>
      </c>
      <c r="E37" s="19">
        <v>948</v>
      </c>
      <c r="F37" s="19"/>
      <c r="G37" s="18" t="s">
        <v>72</v>
      </c>
      <c r="H37" s="17"/>
      <c r="I37" s="13">
        <v>2061</v>
      </c>
      <c r="J37" s="19">
        <v>938</v>
      </c>
      <c r="K37" s="19">
        <v>1123</v>
      </c>
    </row>
    <row r="38" spans="1:11" ht="15" customHeight="1">
      <c r="A38" s="17" t="s">
        <v>73</v>
      </c>
      <c r="B38" s="17"/>
      <c r="C38" s="13">
        <v>1877</v>
      </c>
      <c r="D38" s="19">
        <v>961</v>
      </c>
      <c r="E38" s="19">
        <v>916</v>
      </c>
      <c r="F38" s="19"/>
      <c r="G38" s="18" t="s">
        <v>74</v>
      </c>
      <c r="H38" s="17"/>
      <c r="I38" s="13">
        <v>1970</v>
      </c>
      <c r="J38" s="19">
        <v>878</v>
      </c>
      <c r="K38" s="19">
        <v>1092</v>
      </c>
    </row>
    <row r="39" spans="1:11" ht="15" customHeight="1">
      <c r="A39" s="17" t="s">
        <v>75</v>
      </c>
      <c r="B39" s="17"/>
      <c r="C39" s="13">
        <v>1783</v>
      </c>
      <c r="D39" s="19">
        <v>869</v>
      </c>
      <c r="E39" s="19">
        <v>914</v>
      </c>
      <c r="F39" s="19"/>
      <c r="G39" s="18" t="s">
        <v>76</v>
      </c>
      <c r="H39" s="17"/>
      <c r="I39" s="13">
        <v>1898</v>
      </c>
      <c r="J39" s="19">
        <v>846</v>
      </c>
      <c r="K39" s="19">
        <v>1052</v>
      </c>
    </row>
    <row r="40" spans="1:11" ht="15" customHeight="1">
      <c r="A40" s="17" t="s">
        <v>77</v>
      </c>
      <c r="B40" s="17"/>
      <c r="C40" s="13">
        <v>1932</v>
      </c>
      <c r="D40" s="19">
        <v>991</v>
      </c>
      <c r="E40" s="19">
        <v>941</v>
      </c>
      <c r="F40" s="19"/>
      <c r="G40" s="18" t="s">
        <v>78</v>
      </c>
      <c r="H40" s="17"/>
      <c r="I40" s="13">
        <v>1667</v>
      </c>
      <c r="J40" s="19">
        <v>759</v>
      </c>
      <c r="K40" s="19">
        <v>908</v>
      </c>
    </row>
    <row r="41" spans="1:11" ht="20.100000000000001" customHeight="1">
      <c r="A41" s="17" t="s">
        <v>79</v>
      </c>
      <c r="B41" s="17"/>
      <c r="C41" s="13">
        <v>10071</v>
      </c>
      <c r="D41" s="14">
        <v>5142</v>
      </c>
      <c r="E41" s="14">
        <v>4929</v>
      </c>
      <c r="F41" s="14"/>
      <c r="G41" s="18" t="s">
        <v>80</v>
      </c>
      <c r="H41" s="17"/>
      <c r="I41" s="13">
        <v>6934</v>
      </c>
      <c r="J41" s="14">
        <v>3032</v>
      </c>
      <c r="K41" s="14">
        <v>3902</v>
      </c>
    </row>
    <row r="42" spans="1:11" ht="15" customHeight="1">
      <c r="A42" s="17" t="s">
        <v>81</v>
      </c>
      <c r="B42" s="17"/>
      <c r="C42" s="13">
        <v>1949</v>
      </c>
      <c r="D42" s="19">
        <v>1011</v>
      </c>
      <c r="E42" s="19">
        <v>938</v>
      </c>
      <c r="F42" s="19"/>
      <c r="G42" s="18" t="s">
        <v>82</v>
      </c>
      <c r="H42" s="17"/>
      <c r="I42" s="13">
        <v>1479</v>
      </c>
      <c r="J42" s="19">
        <v>676</v>
      </c>
      <c r="K42" s="19">
        <v>803</v>
      </c>
    </row>
    <row r="43" spans="1:11" ht="15" customHeight="1">
      <c r="A43" s="17" t="s">
        <v>83</v>
      </c>
      <c r="B43" s="17"/>
      <c r="C43" s="13">
        <v>1949</v>
      </c>
      <c r="D43" s="19">
        <v>1042</v>
      </c>
      <c r="E43" s="19">
        <v>907</v>
      </c>
      <c r="F43" s="19"/>
      <c r="G43" s="18" t="s">
        <v>84</v>
      </c>
      <c r="H43" s="17"/>
      <c r="I43" s="13">
        <v>1390</v>
      </c>
      <c r="J43" s="19">
        <v>622</v>
      </c>
      <c r="K43" s="19">
        <v>768</v>
      </c>
    </row>
    <row r="44" spans="1:11" ht="15" customHeight="1">
      <c r="A44" s="17" t="s">
        <v>85</v>
      </c>
      <c r="B44" s="17"/>
      <c r="C44" s="13">
        <v>1971</v>
      </c>
      <c r="D44" s="19">
        <v>995</v>
      </c>
      <c r="E44" s="19">
        <v>976</v>
      </c>
      <c r="F44" s="19"/>
      <c r="G44" s="18" t="s">
        <v>86</v>
      </c>
      <c r="H44" s="17"/>
      <c r="I44" s="13">
        <v>1498</v>
      </c>
      <c r="J44" s="19">
        <v>664</v>
      </c>
      <c r="K44" s="19">
        <v>834</v>
      </c>
    </row>
    <row r="45" spans="1:11" ht="15" customHeight="1">
      <c r="A45" s="17" t="s">
        <v>87</v>
      </c>
      <c r="B45" s="17"/>
      <c r="C45" s="13">
        <v>2041</v>
      </c>
      <c r="D45" s="19">
        <v>1030</v>
      </c>
      <c r="E45" s="19">
        <v>1011</v>
      </c>
      <c r="F45" s="19"/>
      <c r="G45" s="18" t="s">
        <v>88</v>
      </c>
      <c r="H45" s="17"/>
      <c r="I45" s="13">
        <v>1320</v>
      </c>
      <c r="J45" s="19">
        <v>580</v>
      </c>
      <c r="K45" s="19">
        <v>740</v>
      </c>
    </row>
    <row r="46" spans="1:11" ht="15" customHeight="1">
      <c r="A46" s="17" t="s">
        <v>89</v>
      </c>
      <c r="B46" s="17"/>
      <c r="C46" s="13">
        <v>2161</v>
      </c>
      <c r="D46" s="19">
        <v>1064</v>
      </c>
      <c r="E46" s="19">
        <v>1097</v>
      </c>
      <c r="F46" s="19"/>
      <c r="G46" s="18" t="s">
        <v>90</v>
      </c>
      <c r="H46" s="17"/>
      <c r="I46" s="13">
        <v>1247</v>
      </c>
      <c r="J46" s="19">
        <v>490</v>
      </c>
      <c r="K46" s="19">
        <v>757</v>
      </c>
    </row>
    <row r="47" spans="1:11" ht="20.100000000000001" customHeight="1">
      <c r="A47" s="17" t="s">
        <v>91</v>
      </c>
      <c r="B47" s="17"/>
      <c r="C47" s="13">
        <v>11323</v>
      </c>
      <c r="D47" s="14">
        <v>5752</v>
      </c>
      <c r="E47" s="14">
        <v>5571</v>
      </c>
      <c r="F47" s="14"/>
      <c r="G47" s="18" t="s">
        <v>92</v>
      </c>
      <c r="H47" s="17"/>
      <c r="I47" s="13">
        <v>4338</v>
      </c>
      <c r="J47" s="14">
        <v>1607</v>
      </c>
      <c r="K47" s="14">
        <v>2731</v>
      </c>
    </row>
    <row r="48" spans="1:11" ht="15" customHeight="1">
      <c r="A48" s="17" t="s">
        <v>93</v>
      </c>
      <c r="B48" s="17"/>
      <c r="C48" s="13">
        <v>2278</v>
      </c>
      <c r="D48" s="19">
        <v>1136</v>
      </c>
      <c r="E48" s="19">
        <v>1142</v>
      </c>
      <c r="F48" s="19"/>
      <c r="G48" s="18" t="s">
        <v>94</v>
      </c>
      <c r="H48" s="17"/>
      <c r="I48" s="13">
        <v>1095</v>
      </c>
      <c r="J48" s="19">
        <v>420</v>
      </c>
      <c r="K48" s="19">
        <v>675</v>
      </c>
    </row>
    <row r="49" spans="1:11" ht="15" customHeight="1">
      <c r="A49" s="17" t="s">
        <v>95</v>
      </c>
      <c r="B49" s="17"/>
      <c r="C49" s="13">
        <v>2201</v>
      </c>
      <c r="D49" s="19">
        <v>1113</v>
      </c>
      <c r="E49" s="19">
        <v>1088</v>
      </c>
      <c r="F49" s="19"/>
      <c r="G49" s="18" t="s">
        <v>96</v>
      </c>
      <c r="H49" s="17"/>
      <c r="I49" s="13">
        <v>982</v>
      </c>
      <c r="J49" s="19">
        <v>393</v>
      </c>
      <c r="K49" s="19">
        <v>589</v>
      </c>
    </row>
    <row r="50" spans="1:11" ht="15" customHeight="1">
      <c r="A50" s="17" t="s">
        <v>97</v>
      </c>
      <c r="B50" s="17"/>
      <c r="C50" s="13">
        <v>2283</v>
      </c>
      <c r="D50" s="19">
        <v>1179</v>
      </c>
      <c r="E50" s="19">
        <v>1104</v>
      </c>
      <c r="F50" s="19"/>
      <c r="G50" s="18" t="s">
        <v>98</v>
      </c>
      <c r="H50" s="17"/>
      <c r="I50" s="13">
        <v>886</v>
      </c>
      <c r="J50" s="19">
        <v>322</v>
      </c>
      <c r="K50" s="19">
        <v>564</v>
      </c>
    </row>
    <row r="51" spans="1:11" ht="15" customHeight="1">
      <c r="A51" s="17" t="s">
        <v>99</v>
      </c>
      <c r="B51" s="17"/>
      <c r="C51" s="13">
        <v>2230</v>
      </c>
      <c r="D51" s="19">
        <v>1139</v>
      </c>
      <c r="E51" s="19">
        <v>1091</v>
      </c>
      <c r="F51" s="19"/>
      <c r="G51" s="18" t="s">
        <v>100</v>
      </c>
      <c r="H51" s="17"/>
      <c r="I51" s="13">
        <v>759</v>
      </c>
      <c r="J51" s="19">
        <v>265</v>
      </c>
      <c r="K51" s="19">
        <v>494</v>
      </c>
    </row>
    <row r="52" spans="1:11" ht="15" customHeight="1">
      <c r="A52" s="17" t="s">
        <v>101</v>
      </c>
      <c r="B52" s="17"/>
      <c r="C52" s="13">
        <v>2331</v>
      </c>
      <c r="D52" s="19">
        <v>1185</v>
      </c>
      <c r="E52" s="19">
        <v>1146</v>
      </c>
      <c r="F52" s="19"/>
      <c r="G52" s="18" t="s">
        <v>102</v>
      </c>
      <c r="H52" s="17"/>
      <c r="I52" s="13">
        <v>616</v>
      </c>
      <c r="J52" s="19">
        <v>207</v>
      </c>
      <c r="K52" s="19">
        <v>409</v>
      </c>
    </row>
    <row r="53" spans="1:11" ht="20.100000000000001" customHeight="1">
      <c r="A53" s="17" t="s">
        <v>103</v>
      </c>
      <c r="B53" s="17"/>
      <c r="C53" s="13">
        <v>12881</v>
      </c>
      <c r="D53" s="14">
        <v>6636</v>
      </c>
      <c r="E53" s="14">
        <v>6245</v>
      </c>
      <c r="F53" s="14"/>
      <c r="G53" s="18" t="s">
        <v>104</v>
      </c>
      <c r="H53" s="17"/>
      <c r="I53" s="13">
        <v>1953</v>
      </c>
      <c r="J53" s="14">
        <v>545</v>
      </c>
      <c r="K53" s="14">
        <v>1408</v>
      </c>
    </row>
    <row r="54" spans="1:11" ht="15" customHeight="1">
      <c r="A54" s="17" t="s">
        <v>105</v>
      </c>
      <c r="B54" s="17"/>
      <c r="C54" s="13">
        <v>2415</v>
      </c>
      <c r="D54" s="19">
        <v>1272</v>
      </c>
      <c r="E54" s="19">
        <v>1143</v>
      </c>
      <c r="F54" s="19"/>
      <c r="G54" s="18" t="s">
        <v>106</v>
      </c>
      <c r="H54" s="17"/>
      <c r="I54" s="13">
        <v>516</v>
      </c>
      <c r="J54" s="19">
        <v>175</v>
      </c>
      <c r="K54" s="19">
        <v>341</v>
      </c>
    </row>
    <row r="55" spans="1:11" ht="15" customHeight="1">
      <c r="A55" s="17" t="s">
        <v>107</v>
      </c>
      <c r="B55" s="17"/>
      <c r="C55" s="13">
        <v>2458</v>
      </c>
      <c r="D55" s="19">
        <v>1291</v>
      </c>
      <c r="E55" s="19">
        <v>1167</v>
      </c>
      <c r="F55" s="19"/>
      <c r="G55" s="18" t="s">
        <v>108</v>
      </c>
      <c r="H55" s="17"/>
      <c r="I55" s="13">
        <v>454</v>
      </c>
      <c r="J55" s="19">
        <v>135</v>
      </c>
      <c r="K55" s="19">
        <v>319</v>
      </c>
    </row>
    <row r="56" spans="1:11" ht="15" customHeight="1">
      <c r="A56" s="17" t="s">
        <v>109</v>
      </c>
      <c r="B56" s="17"/>
      <c r="C56" s="13">
        <v>2634</v>
      </c>
      <c r="D56" s="19">
        <v>1343</v>
      </c>
      <c r="E56" s="19">
        <v>1291</v>
      </c>
      <c r="F56" s="19"/>
      <c r="G56" s="18" t="s">
        <v>110</v>
      </c>
      <c r="H56" s="17"/>
      <c r="I56" s="13">
        <v>348</v>
      </c>
      <c r="J56" s="19">
        <v>85</v>
      </c>
      <c r="K56" s="19">
        <v>263</v>
      </c>
    </row>
    <row r="57" spans="1:11" ht="15" customHeight="1">
      <c r="A57" s="17" t="s">
        <v>111</v>
      </c>
      <c r="B57" s="17"/>
      <c r="C57" s="13">
        <v>2668</v>
      </c>
      <c r="D57" s="19">
        <v>1342</v>
      </c>
      <c r="E57" s="19">
        <v>1326</v>
      </c>
      <c r="F57" s="19"/>
      <c r="G57" s="18" t="s">
        <v>112</v>
      </c>
      <c r="H57" s="17"/>
      <c r="I57" s="13">
        <v>352</v>
      </c>
      <c r="J57" s="19">
        <v>89</v>
      </c>
      <c r="K57" s="19">
        <v>263</v>
      </c>
    </row>
    <row r="58" spans="1:11" ht="15" customHeight="1">
      <c r="A58" s="17" t="s">
        <v>113</v>
      </c>
      <c r="B58" s="17"/>
      <c r="C58" s="13">
        <v>2706</v>
      </c>
      <c r="D58" s="19">
        <v>1388</v>
      </c>
      <c r="E58" s="19">
        <v>1318</v>
      </c>
      <c r="F58" s="19"/>
      <c r="G58" s="18" t="s">
        <v>114</v>
      </c>
      <c r="H58" s="17"/>
      <c r="I58" s="13">
        <v>283</v>
      </c>
      <c r="J58" s="19">
        <v>61</v>
      </c>
      <c r="K58" s="19">
        <v>222</v>
      </c>
    </row>
    <row r="59" spans="1:11" ht="20.100000000000001" customHeight="1">
      <c r="A59" s="17" t="s">
        <v>115</v>
      </c>
      <c r="B59" s="17"/>
      <c r="C59" s="13">
        <v>15794</v>
      </c>
      <c r="D59" s="14">
        <v>7946</v>
      </c>
      <c r="E59" s="14">
        <v>7848</v>
      </c>
      <c r="F59" s="14"/>
      <c r="G59" s="18" t="s">
        <v>116</v>
      </c>
      <c r="H59" s="17"/>
      <c r="I59" s="13">
        <v>707</v>
      </c>
      <c r="J59" s="14">
        <v>112</v>
      </c>
      <c r="K59" s="14">
        <v>595</v>
      </c>
    </row>
    <row r="60" spans="1:11" ht="15" customHeight="1">
      <c r="A60" s="17" t="s">
        <v>117</v>
      </c>
      <c r="B60" s="17"/>
      <c r="C60" s="13">
        <v>3080</v>
      </c>
      <c r="D60" s="19">
        <v>1562</v>
      </c>
      <c r="E60" s="19">
        <v>1518</v>
      </c>
      <c r="F60" s="19"/>
      <c r="G60" s="18" t="s">
        <v>118</v>
      </c>
      <c r="H60" s="17"/>
      <c r="I60" s="13">
        <v>197</v>
      </c>
      <c r="J60" s="19">
        <v>43</v>
      </c>
      <c r="K60" s="19">
        <v>154</v>
      </c>
    </row>
    <row r="61" spans="1:11" ht="15" customHeight="1">
      <c r="A61" s="17" t="s">
        <v>119</v>
      </c>
      <c r="B61" s="17"/>
      <c r="C61" s="13">
        <v>3110</v>
      </c>
      <c r="D61" s="19">
        <v>1538</v>
      </c>
      <c r="E61" s="19">
        <v>1572</v>
      </c>
      <c r="F61" s="19"/>
      <c r="G61" s="18" t="s">
        <v>120</v>
      </c>
      <c r="H61" s="17"/>
      <c r="I61" s="13">
        <v>191</v>
      </c>
      <c r="J61" s="19">
        <v>34</v>
      </c>
      <c r="K61" s="19">
        <v>157</v>
      </c>
    </row>
    <row r="62" spans="1:11" ht="15" customHeight="1">
      <c r="A62" s="17" t="s">
        <v>121</v>
      </c>
      <c r="B62" s="17"/>
      <c r="C62" s="13">
        <v>3215</v>
      </c>
      <c r="D62" s="19">
        <v>1613</v>
      </c>
      <c r="E62" s="19">
        <v>1602</v>
      </c>
      <c r="F62" s="19"/>
      <c r="G62" s="18" t="s">
        <v>122</v>
      </c>
      <c r="H62" s="17"/>
      <c r="I62" s="13">
        <v>119</v>
      </c>
      <c r="J62" s="19">
        <v>8</v>
      </c>
      <c r="K62" s="19">
        <v>111</v>
      </c>
    </row>
    <row r="63" spans="1:11" ht="15" customHeight="1">
      <c r="A63" s="17" t="s">
        <v>123</v>
      </c>
      <c r="B63" s="17"/>
      <c r="C63" s="13">
        <v>3234</v>
      </c>
      <c r="D63" s="19">
        <v>1604</v>
      </c>
      <c r="E63" s="19">
        <v>1630</v>
      </c>
      <c r="F63" s="19"/>
      <c r="G63" s="18" t="s">
        <v>124</v>
      </c>
      <c r="H63" s="17"/>
      <c r="I63" s="13">
        <v>113</v>
      </c>
      <c r="J63" s="19">
        <v>19</v>
      </c>
      <c r="K63" s="19">
        <v>94</v>
      </c>
    </row>
    <row r="64" spans="1:11" ht="15" customHeight="1">
      <c r="A64" s="17" t="s">
        <v>125</v>
      </c>
      <c r="B64" s="17"/>
      <c r="C64" s="13">
        <v>3155</v>
      </c>
      <c r="D64" s="19">
        <v>1629</v>
      </c>
      <c r="E64" s="19">
        <v>1526</v>
      </c>
      <c r="F64" s="19"/>
      <c r="G64" s="18" t="s">
        <v>126</v>
      </c>
      <c r="H64" s="17"/>
      <c r="I64" s="13">
        <v>87</v>
      </c>
      <c r="J64" s="19">
        <v>8</v>
      </c>
      <c r="K64" s="19">
        <v>7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80</v>
      </c>
      <c r="J65" s="19">
        <v>20</v>
      </c>
      <c r="K65" s="19">
        <v>16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48</v>
      </c>
      <c r="J66" s="29">
        <v>503</v>
      </c>
      <c r="K66" s="29">
        <v>345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2004</v>
      </c>
      <c r="D4" s="14">
        <v>59456</v>
      </c>
      <c r="E4" s="14">
        <v>6254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185</v>
      </c>
      <c r="D5" s="14">
        <v>2125</v>
      </c>
      <c r="E5" s="14">
        <v>2060</v>
      </c>
      <c r="F5" s="14"/>
      <c r="G5" s="18" t="s">
        <v>8</v>
      </c>
      <c r="H5" s="17"/>
      <c r="I5" s="13">
        <v>9415</v>
      </c>
      <c r="J5" s="14">
        <v>4791</v>
      </c>
      <c r="K5" s="14">
        <v>4624</v>
      </c>
    </row>
    <row r="6" spans="1:11" ht="15" customHeight="1">
      <c r="A6" s="17" t="s">
        <v>9</v>
      </c>
      <c r="B6" s="17"/>
      <c r="C6" s="13">
        <v>765</v>
      </c>
      <c r="D6" s="19">
        <v>388</v>
      </c>
      <c r="E6" s="19">
        <v>377</v>
      </c>
      <c r="F6" s="19"/>
      <c r="G6" s="18" t="s">
        <v>10</v>
      </c>
      <c r="H6" s="17"/>
      <c r="I6" s="13">
        <v>2040</v>
      </c>
      <c r="J6" s="19">
        <v>1043</v>
      </c>
      <c r="K6" s="19">
        <v>997</v>
      </c>
    </row>
    <row r="7" spans="1:11" ht="15" customHeight="1">
      <c r="A7" s="17" t="s">
        <v>11</v>
      </c>
      <c r="B7" s="17"/>
      <c r="C7" s="13">
        <v>835</v>
      </c>
      <c r="D7" s="19">
        <v>436</v>
      </c>
      <c r="E7" s="19">
        <v>399</v>
      </c>
      <c r="F7" s="19"/>
      <c r="G7" s="18" t="s">
        <v>12</v>
      </c>
      <c r="H7" s="17"/>
      <c r="I7" s="13">
        <v>2024</v>
      </c>
      <c r="J7" s="19">
        <v>1034</v>
      </c>
      <c r="K7" s="19">
        <v>990</v>
      </c>
    </row>
    <row r="8" spans="1:11" ht="15" customHeight="1">
      <c r="A8" s="17" t="s">
        <v>13</v>
      </c>
      <c r="B8" s="17"/>
      <c r="C8" s="13">
        <v>808</v>
      </c>
      <c r="D8" s="19">
        <v>428</v>
      </c>
      <c r="E8" s="19">
        <v>380</v>
      </c>
      <c r="F8" s="19"/>
      <c r="G8" s="18" t="s">
        <v>14</v>
      </c>
      <c r="H8" s="17"/>
      <c r="I8" s="13">
        <v>1991</v>
      </c>
      <c r="J8" s="19">
        <v>1009</v>
      </c>
      <c r="K8" s="19">
        <v>982</v>
      </c>
    </row>
    <row r="9" spans="1:11" ht="15" customHeight="1">
      <c r="A9" s="17" t="s">
        <v>15</v>
      </c>
      <c r="B9" s="17"/>
      <c r="C9" s="13">
        <v>893</v>
      </c>
      <c r="D9" s="19">
        <v>453</v>
      </c>
      <c r="E9" s="19">
        <v>440</v>
      </c>
      <c r="F9" s="19"/>
      <c r="G9" s="18" t="s">
        <v>16</v>
      </c>
      <c r="H9" s="17"/>
      <c r="I9" s="13">
        <v>1530</v>
      </c>
      <c r="J9" s="19">
        <v>782</v>
      </c>
      <c r="K9" s="19">
        <v>748</v>
      </c>
    </row>
    <row r="10" spans="1:11" ht="15" customHeight="1">
      <c r="A10" s="17" t="s">
        <v>17</v>
      </c>
      <c r="B10" s="17"/>
      <c r="C10" s="13">
        <v>884</v>
      </c>
      <c r="D10" s="19">
        <v>420</v>
      </c>
      <c r="E10" s="19">
        <v>464</v>
      </c>
      <c r="F10" s="19"/>
      <c r="G10" s="18" t="s">
        <v>18</v>
      </c>
      <c r="H10" s="17"/>
      <c r="I10" s="13">
        <v>1830</v>
      </c>
      <c r="J10" s="19">
        <v>923</v>
      </c>
      <c r="K10" s="19">
        <v>907</v>
      </c>
    </row>
    <row r="11" spans="1:11" ht="20.100000000000001" customHeight="1">
      <c r="A11" s="17" t="s">
        <v>19</v>
      </c>
      <c r="B11" s="17"/>
      <c r="C11" s="13">
        <v>4720</v>
      </c>
      <c r="D11" s="14">
        <v>2399</v>
      </c>
      <c r="E11" s="14">
        <v>2321</v>
      </c>
      <c r="F11" s="14"/>
      <c r="G11" s="18" t="s">
        <v>20</v>
      </c>
      <c r="H11" s="17"/>
      <c r="I11" s="13">
        <v>7501</v>
      </c>
      <c r="J11" s="14">
        <v>3801</v>
      </c>
      <c r="K11" s="14">
        <v>3700</v>
      </c>
    </row>
    <row r="12" spans="1:11" ht="15" customHeight="1">
      <c r="A12" s="17" t="s">
        <v>21</v>
      </c>
      <c r="B12" s="17"/>
      <c r="C12" s="13">
        <v>864</v>
      </c>
      <c r="D12" s="19">
        <v>438</v>
      </c>
      <c r="E12" s="19">
        <v>426</v>
      </c>
      <c r="F12" s="19"/>
      <c r="G12" s="18" t="s">
        <v>22</v>
      </c>
      <c r="H12" s="17"/>
      <c r="I12" s="13">
        <v>1612</v>
      </c>
      <c r="J12" s="19">
        <v>834</v>
      </c>
      <c r="K12" s="19">
        <v>778</v>
      </c>
    </row>
    <row r="13" spans="1:11" ht="15" customHeight="1">
      <c r="A13" s="17" t="s">
        <v>23</v>
      </c>
      <c r="B13" s="17"/>
      <c r="C13" s="13">
        <v>935</v>
      </c>
      <c r="D13" s="19">
        <v>471</v>
      </c>
      <c r="E13" s="19">
        <v>464</v>
      </c>
      <c r="F13" s="19"/>
      <c r="G13" s="18" t="s">
        <v>24</v>
      </c>
      <c r="H13" s="17"/>
      <c r="I13" s="13">
        <v>1628</v>
      </c>
      <c r="J13" s="19">
        <v>866</v>
      </c>
      <c r="K13" s="19">
        <v>762</v>
      </c>
    </row>
    <row r="14" spans="1:11" ht="15" customHeight="1">
      <c r="A14" s="17" t="s">
        <v>25</v>
      </c>
      <c r="B14" s="17"/>
      <c r="C14" s="13">
        <v>964</v>
      </c>
      <c r="D14" s="19">
        <v>472</v>
      </c>
      <c r="E14" s="19">
        <v>492</v>
      </c>
      <c r="F14" s="19"/>
      <c r="G14" s="18" t="s">
        <v>26</v>
      </c>
      <c r="H14" s="17"/>
      <c r="I14" s="13">
        <v>1513</v>
      </c>
      <c r="J14" s="19">
        <v>753</v>
      </c>
      <c r="K14" s="19">
        <v>760</v>
      </c>
    </row>
    <row r="15" spans="1:11" ht="15" customHeight="1">
      <c r="A15" s="17" t="s">
        <v>27</v>
      </c>
      <c r="B15" s="17"/>
      <c r="C15" s="13">
        <v>953</v>
      </c>
      <c r="D15" s="19">
        <v>501</v>
      </c>
      <c r="E15" s="19">
        <v>452</v>
      </c>
      <c r="F15" s="19"/>
      <c r="G15" s="18" t="s">
        <v>28</v>
      </c>
      <c r="H15" s="17"/>
      <c r="I15" s="13">
        <v>1390</v>
      </c>
      <c r="J15" s="19">
        <v>680</v>
      </c>
      <c r="K15" s="19">
        <v>710</v>
      </c>
    </row>
    <row r="16" spans="1:11" ht="15" customHeight="1">
      <c r="A16" s="17" t="s">
        <v>29</v>
      </c>
      <c r="B16" s="17"/>
      <c r="C16" s="13">
        <v>1004</v>
      </c>
      <c r="D16" s="19">
        <v>517</v>
      </c>
      <c r="E16" s="19">
        <v>487</v>
      </c>
      <c r="F16" s="19"/>
      <c r="G16" s="18" t="s">
        <v>30</v>
      </c>
      <c r="H16" s="17"/>
      <c r="I16" s="13">
        <v>1358</v>
      </c>
      <c r="J16" s="19">
        <v>668</v>
      </c>
      <c r="K16" s="19">
        <v>690</v>
      </c>
    </row>
    <row r="17" spans="1:11" ht="20.100000000000001" customHeight="1">
      <c r="A17" s="20" t="s">
        <v>31</v>
      </c>
      <c r="B17" s="20"/>
      <c r="C17" s="13">
        <v>5611</v>
      </c>
      <c r="D17" s="14">
        <v>2867</v>
      </c>
      <c r="E17" s="14">
        <v>2744</v>
      </c>
      <c r="F17" s="14"/>
      <c r="G17" s="18" t="s">
        <v>32</v>
      </c>
      <c r="H17" s="17"/>
      <c r="I17" s="13">
        <v>6321</v>
      </c>
      <c r="J17" s="14">
        <v>3145</v>
      </c>
      <c r="K17" s="14">
        <v>3176</v>
      </c>
    </row>
    <row r="18" spans="1:11" ht="15" customHeight="1">
      <c r="A18" s="17" t="s">
        <v>33</v>
      </c>
      <c r="B18" s="17"/>
      <c r="C18" s="13">
        <v>1063</v>
      </c>
      <c r="D18" s="19">
        <v>525</v>
      </c>
      <c r="E18" s="19">
        <v>538</v>
      </c>
      <c r="F18" s="19"/>
      <c r="G18" s="18" t="s">
        <v>34</v>
      </c>
      <c r="H18" s="17"/>
      <c r="I18" s="13">
        <v>1283</v>
      </c>
      <c r="J18" s="19">
        <v>676</v>
      </c>
      <c r="K18" s="19">
        <v>607</v>
      </c>
    </row>
    <row r="19" spans="1:11" ht="15" customHeight="1">
      <c r="A19" s="17" t="s">
        <v>35</v>
      </c>
      <c r="B19" s="17"/>
      <c r="C19" s="13">
        <v>1098</v>
      </c>
      <c r="D19" s="19">
        <v>559</v>
      </c>
      <c r="E19" s="19">
        <v>539</v>
      </c>
      <c r="F19" s="19"/>
      <c r="G19" s="18" t="s">
        <v>36</v>
      </c>
      <c r="H19" s="17"/>
      <c r="I19" s="13">
        <v>1369</v>
      </c>
      <c r="J19" s="19">
        <v>683</v>
      </c>
      <c r="K19" s="19">
        <v>686</v>
      </c>
    </row>
    <row r="20" spans="1:11" ht="15" customHeight="1">
      <c r="A20" s="17" t="s">
        <v>37</v>
      </c>
      <c r="B20" s="17"/>
      <c r="C20" s="13">
        <v>1120</v>
      </c>
      <c r="D20" s="19">
        <v>602</v>
      </c>
      <c r="E20" s="19">
        <v>518</v>
      </c>
      <c r="F20" s="19"/>
      <c r="G20" s="18" t="s">
        <v>38</v>
      </c>
      <c r="H20" s="17"/>
      <c r="I20" s="13">
        <v>1191</v>
      </c>
      <c r="J20" s="19">
        <v>586</v>
      </c>
      <c r="K20" s="19">
        <v>605</v>
      </c>
    </row>
    <row r="21" spans="1:11" ht="15" customHeight="1">
      <c r="A21" s="17" t="s">
        <v>39</v>
      </c>
      <c r="B21" s="17"/>
      <c r="C21" s="13">
        <v>1164</v>
      </c>
      <c r="D21" s="19">
        <v>569</v>
      </c>
      <c r="E21" s="19">
        <v>595</v>
      </c>
      <c r="F21" s="19"/>
      <c r="G21" s="18" t="s">
        <v>40</v>
      </c>
      <c r="H21" s="17"/>
      <c r="I21" s="13">
        <v>1211</v>
      </c>
      <c r="J21" s="19">
        <v>583</v>
      </c>
      <c r="K21" s="19">
        <v>628</v>
      </c>
    </row>
    <row r="22" spans="1:11" ht="15" customHeight="1">
      <c r="A22" s="17" t="s">
        <v>41</v>
      </c>
      <c r="B22" s="17"/>
      <c r="C22" s="13">
        <v>1166</v>
      </c>
      <c r="D22" s="19">
        <v>612</v>
      </c>
      <c r="E22" s="19">
        <v>554</v>
      </c>
      <c r="F22" s="19"/>
      <c r="G22" s="18" t="s">
        <v>42</v>
      </c>
      <c r="H22" s="17"/>
      <c r="I22" s="13">
        <v>1267</v>
      </c>
      <c r="J22" s="19">
        <v>617</v>
      </c>
      <c r="K22" s="19">
        <v>650</v>
      </c>
    </row>
    <row r="23" spans="1:11" ht="20.100000000000001" customHeight="1">
      <c r="A23" s="17" t="s">
        <v>43</v>
      </c>
      <c r="B23" s="17"/>
      <c r="C23" s="13">
        <v>6373</v>
      </c>
      <c r="D23" s="14">
        <v>3224</v>
      </c>
      <c r="E23" s="14">
        <v>3149</v>
      </c>
      <c r="F23" s="14"/>
      <c r="G23" s="18" t="s">
        <v>44</v>
      </c>
      <c r="H23" s="17"/>
      <c r="I23" s="13">
        <v>7228</v>
      </c>
      <c r="J23" s="14">
        <v>3461</v>
      </c>
      <c r="K23" s="14">
        <v>3767</v>
      </c>
    </row>
    <row r="24" spans="1:11" ht="15" customHeight="1">
      <c r="A24" s="17" t="s">
        <v>45</v>
      </c>
      <c r="B24" s="17"/>
      <c r="C24" s="13">
        <v>1196</v>
      </c>
      <c r="D24" s="19">
        <v>614</v>
      </c>
      <c r="E24" s="19">
        <v>582</v>
      </c>
      <c r="F24" s="19"/>
      <c r="G24" s="18" t="s">
        <v>46</v>
      </c>
      <c r="H24" s="17"/>
      <c r="I24" s="13">
        <v>1361</v>
      </c>
      <c r="J24" s="19">
        <v>655</v>
      </c>
      <c r="K24" s="19">
        <v>706</v>
      </c>
    </row>
    <row r="25" spans="1:11" ht="15" customHeight="1">
      <c r="A25" s="17" t="s">
        <v>47</v>
      </c>
      <c r="B25" s="17"/>
      <c r="C25" s="13">
        <v>1263</v>
      </c>
      <c r="D25" s="19">
        <v>633</v>
      </c>
      <c r="E25" s="19">
        <v>630</v>
      </c>
      <c r="F25" s="19"/>
      <c r="G25" s="18" t="s">
        <v>48</v>
      </c>
      <c r="H25" s="17"/>
      <c r="I25" s="13">
        <v>1283</v>
      </c>
      <c r="J25" s="19">
        <v>641</v>
      </c>
      <c r="K25" s="19">
        <v>642</v>
      </c>
    </row>
    <row r="26" spans="1:11" ht="15" customHeight="1">
      <c r="A26" s="17" t="s">
        <v>49</v>
      </c>
      <c r="B26" s="17"/>
      <c r="C26" s="13">
        <v>1279</v>
      </c>
      <c r="D26" s="19">
        <v>631</v>
      </c>
      <c r="E26" s="19">
        <v>648</v>
      </c>
      <c r="F26" s="19"/>
      <c r="G26" s="18" t="s">
        <v>50</v>
      </c>
      <c r="H26" s="17"/>
      <c r="I26" s="13">
        <v>1471</v>
      </c>
      <c r="J26" s="19">
        <v>696</v>
      </c>
      <c r="K26" s="19">
        <v>775</v>
      </c>
    </row>
    <row r="27" spans="1:11" ht="15" customHeight="1">
      <c r="A27" s="17" t="s">
        <v>51</v>
      </c>
      <c r="B27" s="17"/>
      <c r="C27" s="13">
        <v>1311</v>
      </c>
      <c r="D27" s="19">
        <v>658</v>
      </c>
      <c r="E27" s="19">
        <v>653</v>
      </c>
      <c r="F27" s="19"/>
      <c r="G27" s="18" t="s">
        <v>52</v>
      </c>
      <c r="H27" s="17"/>
      <c r="I27" s="13">
        <v>1466</v>
      </c>
      <c r="J27" s="19">
        <v>700</v>
      </c>
      <c r="K27" s="19">
        <v>766</v>
      </c>
    </row>
    <row r="28" spans="1:11" ht="15" customHeight="1">
      <c r="A28" s="17" t="s">
        <v>53</v>
      </c>
      <c r="B28" s="17"/>
      <c r="C28" s="13">
        <v>1324</v>
      </c>
      <c r="D28" s="19">
        <v>688</v>
      </c>
      <c r="E28" s="19">
        <v>636</v>
      </c>
      <c r="F28" s="19"/>
      <c r="G28" s="18" t="s">
        <v>54</v>
      </c>
      <c r="H28" s="17"/>
      <c r="I28" s="13">
        <v>1647</v>
      </c>
      <c r="J28" s="19">
        <v>769</v>
      </c>
      <c r="K28" s="19">
        <v>878</v>
      </c>
    </row>
    <row r="29" spans="1:11" ht="20.100000000000001" customHeight="1">
      <c r="A29" s="17" t="s">
        <v>55</v>
      </c>
      <c r="B29" s="17"/>
      <c r="C29" s="13">
        <v>6346</v>
      </c>
      <c r="D29" s="14">
        <v>3251</v>
      </c>
      <c r="E29" s="14">
        <v>3095</v>
      </c>
      <c r="F29" s="14"/>
      <c r="G29" s="18" t="s">
        <v>56</v>
      </c>
      <c r="H29" s="17"/>
      <c r="I29" s="13">
        <v>8111</v>
      </c>
      <c r="J29" s="14">
        <v>3651</v>
      </c>
      <c r="K29" s="14">
        <v>4460</v>
      </c>
    </row>
    <row r="30" spans="1:11" ht="15" customHeight="1">
      <c r="A30" s="17" t="s">
        <v>57</v>
      </c>
      <c r="B30" s="17"/>
      <c r="C30" s="13">
        <v>1239</v>
      </c>
      <c r="D30" s="19">
        <v>622</v>
      </c>
      <c r="E30" s="19">
        <v>617</v>
      </c>
      <c r="F30" s="19"/>
      <c r="G30" s="18" t="s">
        <v>58</v>
      </c>
      <c r="H30" s="17"/>
      <c r="I30" s="13">
        <v>1939</v>
      </c>
      <c r="J30" s="19">
        <v>879</v>
      </c>
      <c r="K30" s="19">
        <v>1060</v>
      </c>
    </row>
    <row r="31" spans="1:11" ht="15" customHeight="1">
      <c r="A31" s="17" t="s">
        <v>59</v>
      </c>
      <c r="B31" s="17"/>
      <c r="C31" s="13">
        <v>1406</v>
      </c>
      <c r="D31" s="19">
        <v>737</v>
      </c>
      <c r="E31" s="19">
        <v>669</v>
      </c>
      <c r="F31" s="19"/>
      <c r="G31" s="18" t="s">
        <v>60</v>
      </c>
      <c r="H31" s="17"/>
      <c r="I31" s="13">
        <v>1866</v>
      </c>
      <c r="J31" s="19">
        <v>855</v>
      </c>
      <c r="K31" s="19">
        <v>1011</v>
      </c>
    </row>
    <row r="32" spans="1:11" ht="15" customHeight="1">
      <c r="A32" s="17" t="s">
        <v>61</v>
      </c>
      <c r="B32" s="17"/>
      <c r="C32" s="13">
        <v>1297</v>
      </c>
      <c r="D32" s="19">
        <v>667</v>
      </c>
      <c r="E32" s="19">
        <v>630</v>
      </c>
      <c r="F32" s="19"/>
      <c r="G32" s="18" t="s">
        <v>62</v>
      </c>
      <c r="H32" s="17"/>
      <c r="I32" s="13">
        <v>1888</v>
      </c>
      <c r="J32" s="19">
        <v>827</v>
      </c>
      <c r="K32" s="19">
        <v>1061</v>
      </c>
    </row>
    <row r="33" spans="1:11" ht="15" customHeight="1">
      <c r="A33" s="17" t="s">
        <v>63</v>
      </c>
      <c r="B33" s="17"/>
      <c r="C33" s="13">
        <v>1261</v>
      </c>
      <c r="D33" s="19">
        <v>638</v>
      </c>
      <c r="E33" s="19">
        <v>623</v>
      </c>
      <c r="F33" s="19"/>
      <c r="G33" s="18" t="s">
        <v>64</v>
      </c>
      <c r="H33" s="17"/>
      <c r="I33" s="13">
        <v>1255</v>
      </c>
      <c r="J33" s="19">
        <v>593</v>
      </c>
      <c r="K33" s="19">
        <v>662</v>
      </c>
    </row>
    <row r="34" spans="1:11" ht="15" customHeight="1">
      <c r="A34" s="17" t="s">
        <v>65</v>
      </c>
      <c r="B34" s="17"/>
      <c r="C34" s="13">
        <v>1143</v>
      </c>
      <c r="D34" s="19">
        <v>587</v>
      </c>
      <c r="E34" s="19">
        <v>556</v>
      </c>
      <c r="F34" s="19"/>
      <c r="G34" s="18" t="s">
        <v>66</v>
      </c>
      <c r="H34" s="17"/>
      <c r="I34" s="13">
        <v>1163</v>
      </c>
      <c r="J34" s="19">
        <v>497</v>
      </c>
      <c r="K34" s="19">
        <v>666</v>
      </c>
    </row>
    <row r="35" spans="1:11" ht="20.100000000000001" customHeight="1">
      <c r="A35" s="17" t="s">
        <v>67</v>
      </c>
      <c r="B35" s="17"/>
      <c r="C35" s="13">
        <v>5633</v>
      </c>
      <c r="D35" s="14">
        <v>2902</v>
      </c>
      <c r="E35" s="14">
        <v>2731</v>
      </c>
      <c r="F35" s="14"/>
      <c r="G35" s="18" t="s">
        <v>68</v>
      </c>
      <c r="H35" s="17"/>
      <c r="I35" s="13">
        <v>7665</v>
      </c>
      <c r="J35" s="14">
        <v>3405</v>
      </c>
      <c r="K35" s="14">
        <v>4260</v>
      </c>
    </row>
    <row r="36" spans="1:11" ht="15" customHeight="1">
      <c r="A36" s="17" t="s">
        <v>69</v>
      </c>
      <c r="B36" s="17"/>
      <c r="C36" s="13">
        <v>1192</v>
      </c>
      <c r="D36" s="19">
        <v>629</v>
      </c>
      <c r="E36" s="19">
        <v>563</v>
      </c>
      <c r="F36" s="19"/>
      <c r="G36" s="18" t="s">
        <v>70</v>
      </c>
      <c r="H36" s="17"/>
      <c r="I36" s="13">
        <v>1520</v>
      </c>
      <c r="J36" s="19">
        <v>680</v>
      </c>
      <c r="K36" s="19">
        <v>840</v>
      </c>
    </row>
    <row r="37" spans="1:11" ht="15" customHeight="1">
      <c r="A37" s="17" t="s">
        <v>71</v>
      </c>
      <c r="B37" s="17"/>
      <c r="C37" s="13">
        <v>1107</v>
      </c>
      <c r="D37" s="19">
        <v>578</v>
      </c>
      <c r="E37" s="19">
        <v>529</v>
      </c>
      <c r="F37" s="19"/>
      <c r="G37" s="18" t="s">
        <v>72</v>
      </c>
      <c r="H37" s="17"/>
      <c r="I37" s="13">
        <v>1647</v>
      </c>
      <c r="J37" s="19">
        <v>724</v>
      </c>
      <c r="K37" s="19">
        <v>923</v>
      </c>
    </row>
    <row r="38" spans="1:11" ht="15" customHeight="1">
      <c r="A38" s="17" t="s">
        <v>73</v>
      </c>
      <c r="B38" s="17"/>
      <c r="C38" s="13">
        <v>1174</v>
      </c>
      <c r="D38" s="19">
        <v>561</v>
      </c>
      <c r="E38" s="19">
        <v>613</v>
      </c>
      <c r="F38" s="19"/>
      <c r="G38" s="18" t="s">
        <v>74</v>
      </c>
      <c r="H38" s="17"/>
      <c r="I38" s="13">
        <v>1526</v>
      </c>
      <c r="J38" s="19">
        <v>675</v>
      </c>
      <c r="K38" s="19">
        <v>851</v>
      </c>
    </row>
    <row r="39" spans="1:11" ht="15" customHeight="1">
      <c r="A39" s="17" t="s">
        <v>75</v>
      </c>
      <c r="B39" s="17"/>
      <c r="C39" s="13">
        <v>1062</v>
      </c>
      <c r="D39" s="19">
        <v>542</v>
      </c>
      <c r="E39" s="19">
        <v>520</v>
      </c>
      <c r="F39" s="19"/>
      <c r="G39" s="18" t="s">
        <v>76</v>
      </c>
      <c r="H39" s="17"/>
      <c r="I39" s="13">
        <v>1518</v>
      </c>
      <c r="J39" s="19">
        <v>681</v>
      </c>
      <c r="K39" s="19">
        <v>837</v>
      </c>
    </row>
    <row r="40" spans="1:11" ht="15" customHeight="1">
      <c r="A40" s="17" t="s">
        <v>77</v>
      </c>
      <c r="B40" s="17"/>
      <c r="C40" s="13">
        <v>1098</v>
      </c>
      <c r="D40" s="19">
        <v>592</v>
      </c>
      <c r="E40" s="19">
        <v>506</v>
      </c>
      <c r="F40" s="19"/>
      <c r="G40" s="18" t="s">
        <v>78</v>
      </c>
      <c r="H40" s="17"/>
      <c r="I40" s="13">
        <v>1454</v>
      </c>
      <c r="J40" s="19">
        <v>645</v>
      </c>
      <c r="K40" s="19">
        <v>809</v>
      </c>
    </row>
    <row r="41" spans="1:11" ht="20.100000000000001" customHeight="1">
      <c r="A41" s="17" t="s">
        <v>79</v>
      </c>
      <c r="B41" s="17"/>
      <c r="C41" s="13">
        <v>5765</v>
      </c>
      <c r="D41" s="14">
        <v>2981</v>
      </c>
      <c r="E41" s="14">
        <v>2784</v>
      </c>
      <c r="F41" s="14"/>
      <c r="G41" s="18" t="s">
        <v>80</v>
      </c>
      <c r="H41" s="17"/>
      <c r="I41" s="13">
        <v>5768</v>
      </c>
      <c r="J41" s="14">
        <v>2477</v>
      </c>
      <c r="K41" s="14">
        <v>3291</v>
      </c>
    </row>
    <row r="42" spans="1:11" ht="15" customHeight="1">
      <c r="A42" s="17" t="s">
        <v>81</v>
      </c>
      <c r="B42" s="17"/>
      <c r="C42" s="13">
        <v>1039</v>
      </c>
      <c r="D42" s="19">
        <v>531</v>
      </c>
      <c r="E42" s="19">
        <v>508</v>
      </c>
      <c r="F42" s="19"/>
      <c r="G42" s="18" t="s">
        <v>82</v>
      </c>
      <c r="H42" s="17"/>
      <c r="I42" s="13">
        <v>1334</v>
      </c>
      <c r="J42" s="19">
        <v>582</v>
      </c>
      <c r="K42" s="19">
        <v>752</v>
      </c>
    </row>
    <row r="43" spans="1:11" ht="15" customHeight="1">
      <c r="A43" s="17" t="s">
        <v>83</v>
      </c>
      <c r="B43" s="17"/>
      <c r="C43" s="13">
        <v>1184</v>
      </c>
      <c r="D43" s="19">
        <v>607</v>
      </c>
      <c r="E43" s="19">
        <v>577</v>
      </c>
      <c r="F43" s="19"/>
      <c r="G43" s="18" t="s">
        <v>84</v>
      </c>
      <c r="H43" s="17"/>
      <c r="I43" s="13">
        <v>1101</v>
      </c>
      <c r="J43" s="19">
        <v>495</v>
      </c>
      <c r="K43" s="19">
        <v>606</v>
      </c>
    </row>
    <row r="44" spans="1:11" ht="15" customHeight="1">
      <c r="A44" s="17" t="s">
        <v>85</v>
      </c>
      <c r="B44" s="17"/>
      <c r="C44" s="13">
        <v>1139</v>
      </c>
      <c r="D44" s="19">
        <v>626</v>
      </c>
      <c r="E44" s="19">
        <v>513</v>
      </c>
      <c r="F44" s="19"/>
      <c r="G44" s="18" t="s">
        <v>86</v>
      </c>
      <c r="H44" s="17"/>
      <c r="I44" s="13">
        <v>1210</v>
      </c>
      <c r="J44" s="19">
        <v>494</v>
      </c>
      <c r="K44" s="19">
        <v>716</v>
      </c>
    </row>
    <row r="45" spans="1:11" ht="15" customHeight="1">
      <c r="A45" s="17" t="s">
        <v>87</v>
      </c>
      <c r="B45" s="17"/>
      <c r="C45" s="13">
        <v>1157</v>
      </c>
      <c r="D45" s="19">
        <v>577</v>
      </c>
      <c r="E45" s="19">
        <v>580</v>
      </c>
      <c r="F45" s="19"/>
      <c r="G45" s="18" t="s">
        <v>88</v>
      </c>
      <c r="H45" s="17"/>
      <c r="I45" s="13">
        <v>1088</v>
      </c>
      <c r="J45" s="19">
        <v>484</v>
      </c>
      <c r="K45" s="19">
        <v>604</v>
      </c>
    </row>
    <row r="46" spans="1:11" ht="15" customHeight="1">
      <c r="A46" s="17" t="s">
        <v>89</v>
      </c>
      <c r="B46" s="17"/>
      <c r="C46" s="13">
        <v>1246</v>
      </c>
      <c r="D46" s="19">
        <v>640</v>
      </c>
      <c r="E46" s="19">
        <v>606</v>
      </c>
      <c r="F46" s="19"/>
      <c r="G46" s="18" t="s">
        <v>90</v>
      </c>
      <c r="H46" s="17"/>
      <c r="I46" s="13">
        <v>1035</v>
      </c>
      <c r="J46" s="19">
        <v>422</v>
      </c>
      <c r="K46" s="19">
        <v>613</v>
      </c>
    </row>
    <row r="47" spans="1:11" ht="20.100000000000001" customHeight="1">
      <c r="A47" s="17" t="s">
        <v>91</v>
      </c>
      <c r="B47" s="17"/>
      <c r="C47" s="13">
        <v>6471</v>
      </c>
      <c r="D47" s="14">
        <v>3294</v>
      </c>
      <c r="E47" s="14">
        <v>3177</v>
      </c>
      <c r="F47" s="14"/>
      <c r="G47" s="18" t="s">
        <v>92</v>
      </c>
      <c r="H47" s="17"/>
      <c r="I47" s="13">
        <v>3582</v>
      </c>
      <c r="J47" s="14">
        <v>1371</v>
      </c>
      <c r="K47" s="14">
        <v>2211</v>
      </c>
    </row>
    <row r="48" spans="1:11" ht="15" customHeight="1">
      <c r="A48" s="17" t="s">
        <v>93</v>
      </c>
      <c r="B48" s="17"/>
      <c r="C48" s="13">
        <v>1235</v>
      </c>
      <c r="D48" s="19">
        <v>583</v>
      </c>
      <c r="E48" s="19">
        <v>652</v>
      </c>
      <c r="F48" s="19"/>
      <c r="G48" s="18" t="s">
        <v>94</v>
      </c>
      <c r="H48" s="17"/>
      <c r="I48" s="13">
        <v>875</v>
      </c>
      <c r="J48" s="19">
        <v>395</v>
      </c>
      <c r="K48" s="19">
        <v>480</v>
      </c>
    </row>
    <row r="49" spans="1:11" ht="15" customHeight="1">
      <c r="A49" s="17" t="s">
        <v>95</v>
      </c>
      <c r="B49" s="17"/>
      <c r="C49" s="13">
        <v>1367</v>
      </c>
      <c r="D49" s="19">
        <v>700</v>
      </c>
      <c r="E49" s="19">
        <v>667</v>
      </c>
      <c r="F49" s="19"/>
      <c r="G49" s="18" t="s">
        <v>96</v>
      </c>
      <c r="H49" s="17"/>
      <c r="I49" s="13">
        <v>788</v>
      </c>
      <c r="J49" s="19">
        <v>301</v>
      </c>
      <c r="K49" s="19">
        <v>487</v>
      </c>
    </row>
    <row r="50" spans="1:11" ht="15" customHeight="1">
      <c r="A50" s="17" t="s">
        <v>97</v>
      </c>
      <c r="B50" s="17"/>
      <c r="C50" s="13">
        <v>1293</v>
      </c>
      <c r="D50" s="19">
        <v>649</v>
      </c>
      <c r="E50" s="19">
        <v>644</v>
      </c>
      <c r="F50" s="19"/>
      <c r="G50" s="18" t="s">
        <v>98</v>
      </c>
      <c r="H50" s="17"/>
      <c r="I50" s="13">
        <v>729</v>
      </c>
      <c r="J50" s="19">
        <v>259</v>
      </c>
      <c r="K50" s="19">
        <v>470</v>
      </c>
    </row>
    <row r="51" spans="1:11" ht="15" customHeight="1">
      <c r="A51" s="17" t="s">
        <v>99</v>
      </c>
      <c r="B51" s="17"/>
      <c r="C51" s="13">
        <v>1295</v>
      </c>
      <c r="D51" s="19">
        <v>697</v>
      </c>
      <c r="E51" s="19">
        <v>598</v>
      </c>
      <c r="F51" s="19"/>
      <c r="G51" s="18" t="s">
        <v>100</v>
      </c>
      <c r="H51" s="17"/>
      <c r="I51" s="13">
        <v>645</v>
      </c>
      <c r="J51" s="19">
        <v>240</v>
      </c>
      <c r="K51" s="19">
        <v>405</v>
      </c>
    </row>
    <row r="52" spans="1:11" ht="15" customHeight="1">
      <c r="A52" s="17" t="s">
        <v>101</v>
      </c>
      <c r="B52" s="17"/>
      <c r="C52" s="13">
        <v>1281</v>
      </c>
      <c r="D52" s="19">
        <v>665</v>
      </c>
      <c r="E52" s="19">
        <v>616</v>
      </c>
      <c r="F52" s="19"/>
      <c r="G52" s="18" t="s">
        <v>102</v>
      </c>
      <c r="H52" s="17"/>
      <c r="I52" s="13">
        <v>545</v>
      </c>
      <c r="J52" s="19">
        <v>176</v>
      </c>
      <c r="K52" s="19">
        <v>369</v>
      </c>
    </row>
    <row r="53" spans="1:11" ht="20.100000000000001" customHeight="1">
      <c r="A53" s="17" t="s">
        <v>103</v>
      </c>
      <c r="B53" s="17"/>
      <c r="C53" s="13">
        <v>8198</v>
      </c>
      <c r="D53" s="14">
        <v>4140</v>
      </c>
      <c r="E53" s="14">
        <v>4058</v>
      </c>
      <c r="F53" s="14"/>
      <c r="G53" s="18" t="s">
        <v>104</v>
      </c>
      <c r="H53" s="17"/>
      <c r="I53" s="13">
        <v>1524</v>
      </c>
      <c r="J53" s="14">
        <v>465</v>
      </c>
      <c r="K53" s="14">
        <v>1059</v>
      </c>
    </row>
    <row r="54" spans="1:11" ht="15" customHeight="1">
      <c r="A54" s="17" t="s">
        <v>105</v>
      </c>
      <c r="B54" s="17"/>
      <c r="C54" s="13">
        <v>1465</v>
      </c>
      <c r="D54" s="19">
        <v>724</v>
      </c>
      <c r="E54" s="19">
        <v>741</v>
      </c>
      <c r="F54" s="19"/>
      <c r="G54" s="18" t="s">
        <v>106</v>
      </c>
      <c r="H54" s="17"/>
      <c r="I54" s="13">
        <v>419</v>
      </c>
      <c r="J54" s="19">
        <v>138</v>
      </c>
      <c r="K54" s="19">
        <v>281</v>
      </c>
    </row>
    <row r="55" spans="1:11" ht="15" customHeight="1">
      <c r="A55" s="17" t="s">
        <v>107</v>
      </c>
      <c r="B55" s="17"/>
      <c r="C55" s="13">
        <v>1571</v>
      </c>
      <c r="D55" s="19">
        <v>780</v>
      </c>
      <c r="E55" s="19">
        <v>791</v>
      </c>
      <c r="F55" s="19"/>
      <c r="G55" s="18" t="s">
        <v>108</v>
      </c>
      <c r="H55" s="17"/>
      <c r="I55" s="13">
        <v>374</v>
      </c>
      <c r="J55" s="19">
        <v>116</v>
      </c>
      <c r="K55" s="19">
        <v>258</v>
      </c>
    </row>
    <row r="56" spans="1:11" ht="15" customHeight="1">
      <c r="A56" s="17" t="s">
        <v>109</v>
      </c>
      <c r="B56" s="17"/>
      <c r="C56" s="13">
        <v>1633</v>
      </c>
      <c r="D56" s="19">
        <v>816</v>
      </c>
      <c r="E56" s="19">
        <v>817</v>
      </c>
      <c r="F56" s="19"/>
      <c r="G56" s="18" t="s">
        <v>110</v>
      </c>
      <c r="H56" s="17"/>
      <c r="I56" s="13">
        <v>311</v>
      </c>
      <c r="J56" s="19">
        <v>97</v>
      </c>
      <c r="K56" s="19">
        <v>214</v>
      </c>
    </row>
    <row r="57" spans="1:11" ht="15" customHeight="1">
      <c r="A57" s="17" t="s">
        <v>111</v>
      </c>
      <c r="B57" s="17"/>
      <c r="C57" s="13">
        <v>1706</v>
      </c>
      <c r="D57" s="19">
        <v>885</v>
      </c>
      <c r="E57" s="19">
        <v>821</v>
      </c>
      <c r="F57" s="19"/>
      <c r="G57" s="18" t="s">
        <v>112</v>
      </c>
      <c r="H57" s="17"/>
      <c r="I57" s="13">
        <v>237</v>
      </c>
      <c r="J57" s="19">
        <v>69</v>
      </c>
      <c r="K57" s="19">
        <v>168</v>
      </c>
    </row>
    <row r="58" spans="1:11" ht="15" customHeight="1">
      <c r="A58" s="17" t="s">
        <v>113</v>
      </c>
      <c r="B58" s="17"/>
      <c r="C58" s="13">
        <v>1823</v>
      </c>
      <c r="D58" s="19">
        <v>935</v>
      </c>
      <c r="E58" s="19">
        <v>888</v>
      </c>
      <c r="F58" s="19"/>
      <c r="G58" s="18" t="s">
        <v>114</v>
      </c>
      <c r="H58" s="17"/>
      <c r="I58" s="13">
        <v>183</v>
      </c>
      <c r="J58" s="19">
        <v>45</v>
      </c>
      <c r="K58" s="19">
        <v>138</v>
      </c>
    </row>
    <row r="59" spans="1:11" ht="20.100000000000001" customHeight="1">
      <c r="A59" s="17" t="s">
        <v>115</v>
      </c>
      <c r="B59" s="17"/>
      <c r="C59" s="13">
        <v>10657</v>
      </c>
      <c r="D59" s="14">
        <v>5364</v>
      </c>
      <c r="E59" s="14">
        <v>5293</v>
      </c>
      <c r="F59" s="14"/>
      <c r="G59" s="18" t="s">
        <v>116</v>
      </c>
      <c r="H59" s="17"/>
      <c r="I59" s="13">
        <v>451</v>
      </c>
      <c r="J59" s="14">
        <v>99</v>
      </c>
      <c r="K59" s="14">
        <v>352</v>
      </c>
    </row>
    <row r="60" spans="1:11" ht="15" customHeight="1">
      <c r="A60" s="17" t="s">
        <v>117</v>
      </c>
      <c r="B60" s="17"/>
      <c r="C60" s="13">
        <v>2024</v>
      </c>
      <c r="D60" s="19">
        <v>997</v>
      </c>
      <c r="E60" s="19">
        <v>1027</v>
      </c>
      <c r="F60" s="19"/>
      <c r="G60" s="18" t="s">
        <v>118</v>
      </c>
      <c r="H60" s="17"/>
      <c r="I60" s="13">
        <v>146</v>
      </c>
      <c r="J60" s="19">
        <v>40</v>
      </c>
      <c r="K60" s="19">
        <v>106</v>
      </c>
    </row>
    <row r="61" spans="1:11" ht="15" customHeight="1">
      <c r="A61" s="17" t="s">
        <v>119</v>
      </c>
      <c r="B61" s="17"/>
      <c r="C61" s="13">
        <v>2104</v>
      </c>
      <c r="D61" s="19">
        <v>1046</v>
      </c>
      <c r="E61" s="19">
        <v>1058</v>
      </c>
      <c r="F61" s="19"/>
      <c r="G61" s="18" t="s">
        <v>120</v>
      </c>
      <c r="H61" s="17"/>
      <c r="I61" s="13">
        <v>125</v>
      </c>
      <c r="J61" s="19">
        <v>34</v>
      </c>
      <c r="K61" s="19">
        <v>91</v>
      </c>
    </row>
    <row r="62" spans="1:11" ht="15" customHeight="1">
      <c r="A62" s="17" t="s">
        <v>121</v>
      </c>
      <c r="B62" s="17"/>
      <c r="C62" s="13">
        <v>2183</v>
      </c>
      <c r="D62" s="19">
        <v>1138</v>
      </c>
      <c r="E62" s="19">
        <v>1045</v>
      </c>
      <c r="F62" s="19"/>
      <c r="G62" s="18" t="s">
        <v>122</v>
      </c>
      <c r="H62" s="17"/>
      <c r="I62" s="13">
        <v>77</v>
      </c>
      <c r="J62" s="19">
        <v>9</v>
      </c>
      <c r="K62" s="19">
        <v>68</v>
      </c>
    </row>
    <row r="63" spans="1:11" ht="15" customHeight="1">
      <c r="A63" s="17" t="s">
        <v>123</v>
      </c>
      <c r="B63" s="17"/>
      <c r="C63" s="13">
        <v>2166</v>
      </c>
      <c r="D63" s="19">
        <v>1064</v>
      </c>
      <c r="E63" s="19">
        <v>1102</v>
      </c>
      <c r="F63" s="19"/>
      <c r="G63" s="18" t="s">
        <v>124</v>
      </c>
      <c r="H63" s="17"/>
      <c r="I63" s="13">
        <v>68</v>
      </c>
      <c r="J63" s="19">
        <v>7</v>
      </c>
      <c r="K63" s="19">
        <v>61</v>
      </c>
    </row>
    <row r="64" spans="1:11" ht="15" customHeight="1">
      <c r="A64" s="17" t="s">
        <v>125</v>
      </c>
      <c r="B64" s="17"/>
      <c r="C64" s="13">
        <v>2180</v>
      </c>
      <c r="D64" s="19">
        <v>1119</v>
      </c>
      <c r="E64" s="19">
        <v>1061</v>
      </c>
      <c r="F64" s="19"/>
      <c r="G64" s="18" t="s">
        <v>126</v>
      </c>
      <c r="H64" s="17"/>
      <c r="I64" s="13">
        <v>35</v>
      </c>
      <c r="J64" s="19">
        <v>9</v>
      </c>
      <c r="K64" s="19">
        <v>2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8</v>
      </c>
      <c r="J65" s="19">
        <v>10</v>
      </c>
      <c r="K65" s="19">
        <v>5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11</v>
      </c>
      <c r="J66" s="29">
        <v>233</v>
      </c>
      <c r="K66" s="29">
        <v>17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19612</v>
      </c>
      <c r="D4" s="14">
        <v>58208</v>
      </c>
      <c r="E4" s="14">
        <v>6140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895</v>
      </c>
      <c r="D5" s="14">
        <v>2012</v>
      </c>
      <c r="E5" s="14">
        <v>1883</v>
      </c>
      <c r="F5" s="14"/>
      <c r="G5" s="18" t="s">
        <v>8</v>
      </c>
      <c r="H5" s="17"/>
      <c r="I5" s="13">
        <v>9028</v>
      </c>
      <c r="J5" s="14">
        <v>4697</v>
      </c>
      <c r="K5" s="14">
        <v>4331</v>
      </c>
    </row>
    <row r="6" spans="1:11" ht="15" customHeight="1">
      <c r="A6" s="17" t="s">
        <v>9</v>
      </c>
      <c r="B6" s="17"/>
      <c r="C6" s="13">
        <v>714</v>
      </c>
      <c r="D6" s="19">
        <v>361</v>
      </c>
      <c r="E6" s="19">
        <v>353</v>
      </c>
      <c r="F6" s="19"/>
      <c r="G6" s="18" t="s">
        <v>10</v>
      </c>
      <c r="H6" s="17"/>
      <c r="I6" s="13">
        <v>1967</v>
      </c>
      <c r="J6" s="19">
        <v>1024</v>
      </c>
      <c r="K6" s="19">
        <v>943</v>
      </c>
    </row>
    <row r="7" spans="1:11" ht="15" customHeight="1">
      <c r="A7" s="17" t="s">
        <v>11</v>
      </c>
      <c r="B7" s="17"/>
      <c r="C7" s="13">
        <v>805</v>
      </c>
      <c r="D7" s="19">
        <v>410</v>
      </c>
      <c r="E7" s="19">
        <v>395</v>
      </c>
      <c r="F7" s="19"/>
      <c r="G7" s="18" t="s">
        <v>12</v>
      </c>
      <c r="H7" s="17"/>
      <c r="I7" s="13">
        <v>2001</v>
      </c>
      <c r="J7" s="19">
        <v>1000</v>
      </c>
      <c r="K7" s="19">
        <v>1001</v>
      </c>
    </row>
    <row r="8" spans="1:11" ht="15" customHeight="1">
      <c r="A8" s="17" t="s">
        <v>13</v>
      </c>
      <c r="B8" s="17"/>
      <c r="C8" s="13">
        <v>776</v>
      </c>
      <c r="D8" s="19">
        <v>396</v>
      </c>
      <c r="E8" s="19">
        <v>380</v>
      </c>
      <c r="F8" s="19"/>
      <c r="G8" s="18" t="s">
        <v>14</v>
      </c>
      <c r="H8" s="17"/>
      <c r="I8" s="13">
        <v>1966</v>
      </c>
      <c r="J8" s="19">
        <v>1027</v>
      </c>
      <c r="K8" s="19">
        <v>939</v>
      </c>
    </row>
    <row r="9" spans="1:11" ht="15" customHeight="1">
      <c r="A9" s="17" t="s">
        <v>15</v>
      </c>
      <c r="B9" s="17"/>
      <c r="C9" s="13">
        <v>825</v>
      </c>
      <c r="D9" s="19">
        <v>434</v>
      </c>
      <c r="E9" s="19">
        <v>391</v>
      </c>
      <c r="F9" s="19"/>
      <c r="G9" s="18" t="s">
        <v>16</v>
      </c>
      <c r="H9" s="17"/>
      <c r="I9" s="13">
        <v>1432</v>
      </c>
      <c r="J9" s="19">
        <v>739</v>
      </c>
      <c r="K9" s="19">
        <v>693</v>
      </c>
    </row>
    <row r="10" spans="1:11" ht="15" customHeight="1">
      <c r="A10" s="17" t="s">
        <v>17</v>
      </c>
      <c r="B10" s="17"/>
      <c r="C10" s="13">
        <v>775</v>
      </c>
      <c r="D10" s="19">
        <v>411</v>
      </c>
      <c r="E10" s="19">
        <v>364</v>
      </c>
      <c r="F10" s="19"/>
      <c r="G10" s="18" t="s">
        <v>18</v>
      </c>
      <c r="H10" s="17"/>
      <c r="I10" s="13">
        <v>1662</v>
      </c>
      <c r="J10" s="19">
        <v>907</v>
      </c>
      <c r="K10" s="19">
        <v>755</v>
      </c>
    </row>
    <row r="11" spans="1:11" ht="20.100000000000001" customHeight="1">
      <c r="A11" s="17" t="s">
        <v>19</v>
      </c>
      <c r="B11" s="17"/>
      <c r="C11" s="13">
        <v>4511</v>
      </c>
      <c r="D11" s="14">
        <v>2320</v>
      </c>
      <c r="E11" s="14">
        <v>2191</v>
      </c>
      <c r="F11" s="14"/>
      <c r="G11" s="18" t="s">
        <v>20</v>
      </c>
      <c r="H11" s="17"/>
      <c r="I11" s="13">
        <v>6776</v>
      </c>
      <c r="J11" s="14">
        <v>3393</v>
      </c>
      <c r="K11" s="14">
        <v>3383</v>
      </c>
    </row>
    <row r="12" spans="1:11" ht="15" customHeight="1">
      <c r="A12" s="17" t="s">
        <v>21</v>
      </c>
      <c r="B12" s="17"/>
      <c r="C12" s="13">
        <v>820</v>
      </c>
      <c r="D12" s="19">
        <v>427</v>
      </c>
      <c r="E12" s="19">
        <v>393</v>
      </c>
      <c r="F12" s="19"/>
      <c r="G12" s="18" t="s">
        <v>22</v>
      </c>
      <c r="H12" s="17"/>
      <c r="I12" s="13">
        <v>1557</v>
      </c>
      <c r="J12" s="19">
        <v>789</v>
      </c>
      <c r="K12" s="19">
        <v>768</v>
      </c>
    </row>
    <row r="13" spans="1:11" ht="15" customHeight="1">
      <c r="A13" s="17" t="s">
        <v>23</v>
      </c>
      <c r="B13" s="17"/>
      <c r="C13" s="13">
        <v>847</v>
      </c>
      <c r="D13" s="19">
        <v>438</v>
      </c>
      <c r="E13" s="19">
        <v>409</v>
      </c>
      <c r="F13" s="19"/>
      <c r="G13" s="18" t="s">
        <v>24</v>
      </c>
      <c r="H13" s="17"/>
      <c r="I13" s="13">
        <v>1332</v>
      </c>
      <c r="J13" s="19">
        <v>708</v>
      </c>
      <c r="K13" s="19">
        <v>624</v>
      </c>
    </row>
    <row r="14" spans="1:11" ht="15" customHeight="1">
      <c r="A14" s="17" t="s">
        <v>25</v>
      </c>
      <c r="B14" s="17"/>
      <c r="C14" s="13">
        <v>906</v>
      </c>
      <c r="D14" s="19">
        <v>469</v>
      </c>
      <c r="E14" s="19">
        <v>437</v>
      </c>
      <c r="F14" s="19"/>
      <c r="G14" s="18" t="s">
        <v>26</v>
      </c>
      <c r="H14" s="17"/>
      <c r="I14" s="13">
        <v>1286</v>
      </c>
      <c r="J14" s="19">
        <v>600</v>
      </c>
      <c r="K14" s="19">
        <v>686</v>
      </c>
    </row>
    <row r="15" spans="1:11" ht="15" customHeight="1">
      <c r="A15" s="17" t="s">
        <v>27</v>
      </c>
      <c r="B15" s="17"/>
      <c r="C15" s="13">
        <v>954</v>
      </c>
      <c r="D15" s="19">
        <v>477</v>
      </c>
      <c r="E15" s="19">
        <v>477</v>
      </c>
      <c r="F15" s="19"/>
      <c r="G15" s="18" t="s">
        <v>28</v>
      </c>
      <c r="H15" s="17"/>
      <c r="I15" s="13">
        <v>1305</v>
      </c>
      <c r="J15" s="19">
        <v>680</v>
      </c>
      <c r="K15" s="19">
        <v>625</v>
      </c>
    </row>
    <row r="16" spans="1:11" ht="15" customHeight="1">
      <c r="A16" s="17" t="s">
        <v>29</v>
      </c>
      <c r="B16" s="17"/>
      <c r="C16" s="13">
        <v>984</v>
      </c>
      <c r="D16" s="19">
        <v>509</v>
      </c>
      <c r="E16" s="19">
        <v>475</v>
      </c>
      <c r="F16" s="19"/>
      <c r="G16" s="18" t="s">
        <v>30</v>
      </c>
      <c r="H16" s="17"/>
      <c r="I16" s="13">
        <v>1296</v>
      </c>
      <c r="J16" s="19">
        <v>616</v>
      </c>
      <c r="K16" s="19">
        <v>680</v>
      </c>
    </row>
    <row r="17" spans="1:11" ht="20.100000000000001" customHeight="1">
      <c r="A17" s="20" t="s">
        <v>31</v>
      </c>
      <c r="B17" s="20"/>
      <c r="C17" s="13">
        <v>5176</v>
      </c>
      <c r="D17" s="14">
        <v>2667</v>
      </c>
      <c r="E17" s="14">
        <v>2509</v>
      </c>
      <c r="F17" s="14"/>
      <c r="G17" s="18" t="s">
        <v>32</v>
      </c>
      <c r="H17" s="17"/>
      <c r="I17" s="13">
        <v>6100</v>
      </c>
      <c r="J17" s="14">
        <v>2956</v>
      </c>
      <c r="K17" s="14">
        <v>3144</v>
      </c>
    </row>
    <row r="18" spans="1:11" ht="15" customHeight="1">
      <c r="A18" s="17" t="s">
        <v>33</v>
      </c>
      <c r="B18" s="17"/>
      <c r="C18" s="13">
        <v>965</v>
      </c>
      <c r="D18" s="19">
        <v>483</v>
      </c>
      <c r="E18" s="19">
        <v>482</v>
      </c>
      <c r="F18" s="19"/>
      <c r="G18" s="18" t="s">
        <v>34</v>
      </c>
      <c r="H18" s="17"/>
      <c r="I18" s="13">
        <v>1271</v>
      </c>
      <c r="J18" s="19">
        <v>607</v>
      </c>
      <c r="K18" s="19">
        <v>664</v>
      </c>
    </row>
    <row r="19" spans="1:11" ht="15" customHeight="1">
      <c r="A19" s="17" t="s">
        <v>35</v>
      </c>
      <c r="B19" s="17"/>
      <c r="C19" s="13">
        <v>1031</v>
      </c>
      <c r="D19" s="19">
        <v>536</v>
      </c>
      <c r="E19" s="19">
        <v>495</v>
      </c>
      <c r="F19" s="19"/>
      <c r="G19" s="18" t="s">
        <v>36</v>
      </c>
      <c r="H19" s="17"/>
      <c r="I19" s="13">
        <v>1183</v>
      </c>
      <c r="J19" s="19">
        <v>577</v>
      </c>
      <c r="K19" s="19">
        <v>606</v>
      </c>
    </row>
    <row r="20" spans="1:11" ht="15" customHeight="1">
      <c r="A20" s="17" t="s">
        <v>37</v>
      </c>
      <c r="B20" s="17"/>
      <c r="C20" s="13">
        <v>1002</v>
      </c>
      <c r="D20" s="19">
        <v>527</v>
      </c>
      <c r="E20" s="19">
        <v>475</v>
      </c>
      <c r="F20" s="19"/>
      <c r="G20" s="18" t="s">
        <v>38</v>
      </c>
      <c r="H20" s="17"/>
      <c r="I20" s="13">
        <v>1154</v>
      </c>
      <c r="J20" s="19">
        <v>583</v>
      </c>
      <c r="K20" s="19">
        <v>571</v>
      </c>
    </row>
    <row r="21" spans="1:11" ht="15" customHeight="1">
      <c r="A21" s="17" t="s">
        <v>39</v>
      </c>
      <c r="B21" s="17"/>
      <c r="C21" s="13">
        <v>1112</v>
      </c>
      <c r="D21" s="19">
        <v>571</v>
      </c>
      <c r="E21" s="19">
        <v>541</v>
      </c>
      <c r="F21" s="19"/>
      <c r="G21" s="18" t="s">
        <v>40</v>
      </c>
      <c r="H21" s="17"/>
      <c r="I21" s="13">
        <v>1226</v>
      </c>
      <c r="J21" s="19">
        <v>588</v>
      </c>
      <c r="K21" s="19">
        <v>638</v>
      </c>
    </row>
    <row r="22" spans="1:11" ht="15" customHeight="1">
      <c r="A22" s="17" t="s">
        <v>41</v>
      </c>
      <c r="B22" s="17"/>
      <c r="C22" s="13">
        <v>1066</v>
      </c>
      <c r="D22" s="19">
        <v>550</v>
      </c>
      <c r="E22" s="19">
        <v>516</v>
      </c>
      <c r="F22" s="19"/>
      <c r="G22" s="18" t="s">
        <v>42</v>
      </c>
      <c r="H22" s="17"/>
      <c r="I22" s="13">
        <v>1266</v>
      </c>
      <c r="J22" s="19">
        <v>601</v>
      </c>
      <c r="K22" s="19">
        <v>665</v>
      </c>
    </row>
    <row r="23" spans="1:11" ht="20.100000000000001" customHeight="1">
      <c r="A23" s="17" t="s">
        <v>43</v>
      </c>
      <c r="B23" s="17"/>
      <c r="C23" s="13">
        <v>5871</v>
      </c>
      <c r="D23" s="14">
        <v>3032</v>
      </c>
      <c r="E23" s="14">
        <v>2839</v>
      </c>
      <c r="F23" s="14"/>
      <c r="G23" s="18" t="s">
        <v>44</v>
      </c>
      <c r="H23" s="17"/>
      <c r="I23" s="13">
        <v>7470</v>
      </c>
      <c r="J23" s="14">
        <v>3436</v>
      </c>
      <c r="K23" s="14">
        <v>4034</v>
      </c>
    </row>
    <row r="24" spans="1:11" ht="15" customHeight="1">
      <c r="A24" s="17" t="s">
        <v>45</v>
      </c>
      <c r="B24" s="17"/>
      <c r="C24" s="13">
        <v>1122</v>
      </c>
      <c r="D24" s="19">
        <v>600</v>
      </c>
      <c r="E24" s="19">
        <v>522</v>
      </c>
      <c r="F24" s="19"/>
      <c r="G24" s="18" t="s">
        <v>46</v>
      </c>
      <c r="H24" s="17"/>
      <c r="I24" s="13">
        <v>1238</v>
      </c>
      <c r="J24" s="19">
        <v>594</v>
      </c>
      <c r="K24" s="19">
        <v>644</v>
      </c>
    </row>
    <row r="25" spans="1:11" ht="15" customHeight="1">
      <c r="A25" s="17" t="s">
        <v>47</v>
      </c>
      <c r="B25" s="17"/>
      <c r="C25" s="13">
        <v>1166</v>
      </c>
      <c r="D25" s="19">
        <v>608</v>
      </c>
      <c r="E25" s="19">
        <v>558</v>
      </c>
      <c r="F25" s="19"/>
      <c r="G25" s="18" t="s">
        <v>48</v>
      </c>
      <c r="H25" s="17"/>
      <c r="I25" s="13">
        <v>1334</v>
      </c>
      <c r="J25" s="19">
        <v>619</v>
      </c>
      <c r="K25" s="19">
        <v>715</v>
      </c>
    </row>
    <row r="26" spans="1:11" ht="15" customHeight="1">
      <c r="A26" s="17" t="s">
        <v>49</v>
      </c>
      <c r="B26" s="17"/>
      <c r="C26" s="13">
        <v>1215</v>
      </c>
      <c r="D26" s="19">
        <v>620</v>
      </c>
      <c r="E26" s="19">
        <v>595</v>
      </c>
      <c r="F26" s="19"/>
      <c r="G26" s="18" t="s">
        <v>50</v>
      </c>
      <c r="H26" s="17"/>
      <c r="I26" s="13">
        <v>1520</v>
      </c>
      <c r="J26" s="19">
        <v>687</v>
      </c>
      <c r="K26" s="19">
        <v>833</v>
      </c>
    </row>
    <row r="27" spans="1:11" ht="15" customHeight="1">
      <c r="A27" s="17" t="s">
        <v>51</v>
      </c>
      <c r="B27" s="17"/>
      <c r="C27" s="13">
        <v>1165</v>
      </c>
      <c r="D27" s="19">
        <v>587</v>
      </c>
      <c r="E27" s="19">
        <v>578</v>
      </c>
      <c r="F27" s="19"/>
      <c r="G27" s="18" t="s">
        <v>52</v>
      </c>
      <c r="H27" s="17"/>
      <c r="I27" s="13">
        <v>1612</v>
      </c>
      <c r="J27" s="19">
        <v>736</v>
      </c>
      <c r="K27" s="19">
        <v>876</v>
      </c>
    </row>
    <row r="28" spans="1:11" ht="15" customHeight="1">
      <c r="A28" s="17" t="s">
        <v>53</v>
      </c>
      <c r="B28" s="17"/>
      <c r="C28" s="13">
        <v>1203</v>
      </c>
      <c r="D28" s="19">
        <v>617</v>
      </c>
      <c r="E28" s="19">
        <v>586</v>
      </c>
      <c r="F28" s="19"/>
      <c r="G28" s="18" t="s">
        <v>54</v>
      </c>
      <c r="H28" s="17"/>
      <c r="I28" s="13">
        <v>1766</v>
      </c>
      <c r="J28" s="19">
        <v>800</v>
      </c>
      <c r="K28" s="19">
        <v>966</v>
      </c>
    </row>
    <row r="29" spans="1:11" ht="20.100000000000001" customHeight="1">
      <c r="A29" s="17" t="s">
        <v>55</v>
      </c>
      <c r="B29" s="17"/>
      <c r="C29" s="13">
        <v>5690</v>
      </c>
      <c r="D29" s="14">
        <v>2875</v>
      </c>
      <c r="E29" s="14">
        <v>2815</v>
      </c>
      <c r="F29" s="14"/>
      <c r="G29" s="18" t="s">
        <v>56</v>
      </c>
      <c r="H29" s="17"/>
      <c r="I29" s="13">
        <v>9308</v>
      </c>
      <c r="J29" s="14">
        <v>4077</v>
      </c>
      <c r="K29" s="14">
        <v>5231</v>
      </c>
    </row>
    <row r="30" spans="1:11" ht="15" customHeight="1">
      <c r="A30" s="17" t="s">
        <v>57</v>
      </c>
      <c r="B30" s="17"/>
      <c r="C30" s="13">
        <v>1166</v>
      </c>
      <c r="D30" s="19">
        <v>615</v>
      </c>
      <c r="E30" s="19">
        <v>551</v>
      </c>
      <c r="F30" s="19"/>
      <c r="G30" s="18" t="s">
        <v>58</v>
      </c>
      <c r="H30" s="17"/>
      <c r="I30" s="13">
        <v>1991</v>
      </c>
      <c r="J30" s="19">
        <v>880</v>
      </c>
      <c r="K30" s="19">
        <v>1111</v>
      </c>
    </row>
    <row r="31" spans="1:11" ht="15" customHeight="1">
      <c r="A31" s="17" t="s">
        <v>59</v>
      </c>
      <c r="B31" s="17"/>
      <c r="C31" s="13">
        <v>1209</v>
      </c>
      <c r="D31" s="19">
        <v>613</v>
      </c>
      <c r="E31" s="19">
        <v>596</v>
      </c>
      <c r="F31" s="19"/>
      <c r="G31" s="18" t="s">
        <v>60</v>
      </c>
      <c r="H31" s="17"/>
      <c r="I31" s="13">
        <v>2044</v>
      </c>
      <c r="J31" s="19">
        <v>867</v>
      </c>
      <c r="K31" s="19">
        <v>1177</v>
      </c>
    </row>
    <row r="32" spans="1:11" ht="15" customHeight="1">
      <c r="A32" s="17" t="s">
        <v>61</v>
      </c>
      <c r="B32" s="17"/>
      <c r="C32" s="13">
        <v>1153</v>
      </c>
      <c r="D32" s="19">
        <v>568</v>
      </c>
      <c r="E32" s="19">
        <v>585</v>
      </c>
      <c r="F32" s="19"/>
      <c r="G32" s="18" t="s">
        <v>62</v>
      </c>
      <c r="H32" s="17"/>
      <c r="I32" s="13">
        <v>2223</v>
      </c>
      <c r="J32" s="19">
        <v>1013</v>
      </c>
      <c r="K32" s="19">
        <v>1210</v>
      </c>
    </row>
    <row r="33" spans="1:11" ht="15" customHeight="1">
      <c r="A33" s="17" t="s">
        <v>63</v>
      </c>
      <c r="B33" s="17"/>
      <c r="C33" s="13">
        <v>1143</v>
      </c>
      <c r="D33" s="19">
        <v>583</v>
      </c>
      <c r="E33" s="19">
        <v>560</v>
      </c>
      <c r="F33" s="19"/>
      <c r="G33" s="18" t="s">
        <v>64</v>
      </c>
      <c r="H33" s="17"/>
      <c r="I33" s="13">
        <v>1580</v>
      </c>
      <c r="J33" s="19">
        <v>685</v>
      </c>
      <c r="K33" s="19">
        <v>895</v>
      </c>
    </row>
    <row r="34" spans="1:11" ht="15" customHeight="1">
      <c r="A34" s="17" t="s">
        <v>65</v>
      </c>
      <c r="B34" s="17"/>
      <c r="C34" s="13">
        <v>1019</v>
      </c>
      <c r="D34" s="19">
        <v>496</v>
      </c>
      <c r="E34" s="19">
        <v>523</v>
      </c>
      <c r="F34" s="19"/>
      <c r="G34" s="18" t="s">
        <v>66</v>
      </c>
      <c r="H34" s="17"/>
      <c r="I34" s="13">
        <v>1470</v>
      </c>
      <c r="J34" s="19">
        <v>632</v>
      </c>
      <c r="K34" s="19">
        <v>838</v>
      </c>
    </row>
    <row r="35" spans="1:11" ht="20.100000000000001" customHeight="1">
      <c r="A35" s="17" t="s">
        <v>67</v>
      </c>
      <c r="B35" s="17"/>
      <c r="C35" s="13">
        <v>4774</v>
      </c>
      <c r="D35" s="14">
        <v>2344</v>
      </c>
      <c r="E35" s="14">
        <v>2430</v>
      </c>
      <c r="F35" s="14"/>
      <c r="G35" s="18" t="s">
        <v>68</v>
      </c>
      <c r="H35" s="17"/>
      <c r="I35" s="13">
        <v>9087</v>
      </c>
      <c r="J35" s="14">
        <v>4119</v>
      </c>
      <c r="K35" s="14">
        <v>4968</v>
      </c>
    </row>
    <row r="36" spans="1:11" ht="15" customHeight="1">
      <c r="A36" s="17" t="s">
        <v>69</v>
      </c>
      <c r="B36" s="17"/>
      <c r="C36" s="13">
        <v>956</v>
      </c>
      <c r="D36" s="19">
        <v>431</v>
      </c>
      <c r="E36" s="19">
        <v>525</v>
      </c>
      <c r="F36" s="19"/>
      <c r="G36" s="18" t="s">
        <v>70</v>
      </c>
      <c r="H36" s="17"/>
      <c r="I36" s="13">
        <v>1843</v>
      </c>
      <c r="J36" s="19">
        <v>801</v>
      </c>
      <c r="K36" s="19">
        <v>1042</v>
      </c>
    </row>
    <row r="37" spans="1:11" ht="15" customHeight="1">
      <c r="A37" s="17" t="s">
        <v>71</v>
      </c>
      <c r="B37" s="17"/>
      <c r="C37" s="13">
        <v>945</v>
      </c>
      <c r="D37" s="19">
        <v>430</v>
      </c>
      <c r="E37" s="19">
        <v>515</v>
      </c>
      <c r="F37" s="19"/>
      <c r="G37" s="18" t="s">
        <v>72</v>
      </c>
      <c r="H37" s="17"/>
      <c r="I37" s="13">
        <v>1966</v>
      </c>
      <c r="J37" s="19">
        <v>878</v>
      </c>
      <c r="K37" s="19">
        <v>1088</v>
      </c>
    </row>
    <row r="38" spans="1:11" ht="15" customHeight="1">
      <c r="A38" s="17" t="s">
        <v>73</v>
      </c>
      <c r="B38" s="17"/>
      <c r="C38" s="13">
        <v>911</v>
      </c>
      <c r="D38" s="19">
        <v>453</v>
      </c>
      <c r="E38" s="19">
        <v>458</v>
      </c>
      <c r="F38" s="19"/>
      <c r="G38" s="18" t="s">
        <v>74</v>
      </c>
      <c r="H38" s="17"/>
      <c r="I38" s="13">
        <v>1817</v>
      </c>
      <c r="J38" s="19">
        <v>849</v>
      </c>
      <c r="K38" s="19">
        <v>968</v>
      </c>
    </row>
    <row r="39" spans="1:11" ht="15" customHeight="1">
      <c r="A39" s="17" t="s">
        <v>75</v>
      </c>
      <c r="B39" s="17"/>
      <c r="C39" s="13">
        <v>990</v>
      </c>
      <c r="D39" s="19">
        <v>506</v>
      </c>
      <c r="E39" s="19">
        <v>484</v>
      </c>
      <c r="F39" s="19"/>
      <c r="G39" s="18" t="s">
        <v>76</v>
      </c>
      <c r="H39" s="17"/>
      <c r="I39" s="13">
        <v>1848</v>
      </c>
      <c r="J39" s="19">
        <v>858</v>
      </c>
      <c r="K39" s="19">
        <v>990</v>
      </c>
    </row>
    <row r="40" spans="1:11" ht="15" customHeight="1">
      <c r="A40" s="17" t="s">
        <v>77</v>
      </c>
      <c r="B40" s="17"/>
      <c r="C40" s="13">
        <v>972</v>
      </c>
      <c r="D40" s="19">
        <v>524</v>
      </c>
      <c r="E40" s="19">
        <v>448</v>
      </c>
      <c r="F40" s="19"/>
      <c r="G40" s="18" t="s">
        <v>78</v>
      </c>
      <c r="H40" s="17"/>
      <c r="I40" s="13">
        <v>1613</v>
      </c>
      <c r="J40" s="19">
        <v>733</v>
      </c>
      <c r="K40" s="19">
        <v>880</v>
      </c>
    </row>
    <row r="41" spans="1:11" ht="20.100000000000001" customHeight="1">
      <c r="A41" s="17" t="s">
        <v>79</v>
      </c>
      <c r="B41" s="17"/>
      <c r="C41" s="13">
        <v>5207</v>
      </c>
      <c r="D41" s="14">
        <v>2611</v>
      </c>
      <c r="E41" s="14">
        <v>2596</v>
      </c>
      <c r="F41" s="14"/>
      <c r="G41" s="18" t="s">
        <v>80</v>
      </c>
      <c r="H41" s="17"/>
      <c r="I41" s="13">
        <v>6226</v>
      </c>
      <c r="J41" s="14">
        <v>3008</v>
      </c>
      <c r="K41" s="14">
        <v>3218</v>
      </c>
    </row>
    <row r="42" spans="1:11" ht="15" customHeight="1">
      <c r="A42" s="17" t="s">
        <v>81</v>
      </c>
      <c r="B42" s="17"/>
      <c r="C42" s="13">
        <v>974</v>
      </c>
      <c r="D42" s="19">
        <v>477</v>
      </c>
      <c r="E42" s="19">
        <v>497</v>
      </c>
      <c r="F42" s="19"/>
      <c r="G42" s="18" t="s">
        <v>82</v>
      </c>
      <c r="H42" s="17"/>
      <c r="I42" s="13">
        <v>1423</v>
      </c>
      <c r="J42" s="19">
        <v>659</v>
      </c>
      <c r="K42" s="19">
        <v>764</v>
      </c>
    </row>
    <row r="43" spans="1:11" ht="15" customHeight="1">
      <c r="A43" s="17" t="s">
        <v>83</v>
      </c>
      <c r="B43" s="17"/>
      <c r="C43" s="13">
        <v>1055</v>
      </c>
      <c r="D43" s="19">
        <v>509</v>
      </c>
      <c r="E43" s="19">
        <v>546</v>
      </c>
      <c r="F43" s="19"/>
      <c r="G43" s="18" t="s">
        <v>84</v>
      </c>
      <c r="H43" s="17"/>
      <c r="I43" s="13">
        <v>1237</v>
      </c>
      <c r="J43" s="19">
        <v>605</v>
      </c>
      <c r="K43" s="19">
        <v>632</v>
      </c>
    </row>
    <row r="44" spans="1:11" ht="15" customHeight="1">
      <c r="A44" s="17" t="s">
        <v>85</v>
      </c>
      <c r="B44" s="17"/>
      <c r="C44" s="13">
        <v>1055</v>
      </c>
      <c r="D44" s="19">
        <v>541</v>
      </c>
      <c r="E44" s="19">
        <v>514</v>
      </c>
      <c r="F44" s="19"/>
      <c r="G44" s="18" t="s">
        <v>86</v>
      </c>
      <c r="H44" s="17"/>
      <c r="I44" s="13">
        <v>1325</v>
      </c>
      <c r="J44" s="19">
        <v>685</v>
      </c>
      <c r="K44" s="19">
        <v>640</v>
      </c>
    </row>
    <row r="45" spans="1:11" ht="15" customHeight="1">
      <c r="A45" s="17" t="s">
        <v>87</v>
      </c>
      <c r="B45" s="17"/>
      <c r="C45" s="13">
        <v>1022</v>
      </c>
      <c r="D45" s="19">
        <v>514</v>
      </c>
      <c r="E45" s="19">
        <v>508</v>
      </c>
      <c r="F45" s="19"/>
      <c r="G45" s="18" t="s">
        <v>88</v>
      </c>
      <c r="H45" s="17"/>
      <c r="I45" s="13">
        <v>1186</v>
      </c>
      <c r="J45" s="19">
        <v>544</v>
      </c>
      <c r="K45" s="19">
        <v>642</v>
      </c>
    </row>
    <row r="46" spans="1:11" ht="15" customHeight="1">
      <c r="A46" s="17" t="s">
        <v>89</v>
      </c>
      <c r="B46" s="17"/>
      <c r="C46" s="13">
        <v>1101</v>
      </c>
      <c r="D46" s="19">
        <v>570</v>
      </c>
      <c r="E46" s="19">
        <v>531</v>
      </c>
      <c r="F46" s="19"/>
      <c r="G46" s="18" t="s">
        <v>90</v>
      </c>
      <c r="H46" s="17"/>
      <c r="I46" s="13">
        <v>1055</v>
      </c>
      <c r="J46" s="19">
        <v>515</v>
      </c>
      <c r="K46" s="19">
        <v>540</v>
      </c>
    </row>
    <row r="47" spans="1:11" ht="20.100000000000001" customHeight="1">
      <c r="A47" s="17" t="s">
        <v>91</v>
      </c>
      <c r="B47" s="17"/>
      <c r="C47" s="13">
        <v>6274</v>
      </c>
      <c r="D47" s="14">
        <v>3168</v>
      </c>
      <c r="E47" s="14">
        <v>3106</v>
      </c>
      <c r="F47" s="14"/>
      <c r="G47" s="18" t="s">
        <v>92</v>
      </c>
      <c r="H47" s="17"/>
      <c r="I47" s="13">
        <v>3366</v>
      </c>
      <c r="J47" s="14">
        <v>1437</v>
      </c>
      <c r="K47" s="14">
        <v>1929</v>
      </c>
    </row>
    <row r="48" spans="1:11" ht="15" customHeight="1">
      <c r="A48" s="17" t="s">
        <v>93</v>
      </c>
      <c r="B48" s="17"/>
      <c r="C48" s="13">
        <v>1175</v>
      </c>
      <c r="D48" s="19">
        <v>592</v>
      </c>
      <c r="E48" s="19">
        <v>583</v>
      </c>
      <c r="F48" s="19"/>
      <c r="G48" s="18" t="s">
        <v>94</v>
      </c>
      <c r="H48" s="17"/>
      <c r="I48" s="13">
        <v>904</v>
      </c>
      <c r="J48" s="19">
        <v>415</v>
      </c>
      <c r="K48" s="19">
        <v>489</v>
      </c>
    </row>
    <row r="49" spans="1:11" ht="15" customHeight="1">
      <c r="A49" s="17" t="s">
        <v>95</v>
      </c>
      <c r="B49" s="17"/>
      <c r="C49" s="13">
        <v>1227</v>
      </c>
      <c r="D49" s="19">
        <v>623</v>
      </c>
      <c r="E49" s="19">
        <v>604</v>
      </c>
      <c r="F49" s="19"/>
      <c r="G49" s="18" t="s">
        <v>96</v>
      </c>
      <c r="H49" s="17"/>
      <c r="I49" s="13">
        <v>719</v>
      </c>
      <c r="J49" s="19">
        <v>329</v>
      </c>
      <c r="K49" s="19">
        <v>390</v>
      </c>
    </row>
    <row r="50" spans="1:11" ht="15" customHeight="1">
      <c r="A50" s="17" t="s">
        <v>97</v>
      </c>
      <c r="B50" s="17"/>
      <c r="C50" s="13">
        <v>1241</v>
      </c>
      <c r="D50" s="19">
        <v>626</v>
      </c>
      <c r="E50" s="19">
        <v>615</v>
      </c>
      <c r="F50" s="19"/>
      <c r="G50" s="18" t="s">
        <v>98</v>
      </c>
      <c r="H50" s="17"/>
      <c r="I50" s="13">
        <v>717</v>
      </c>
      <c r="J50" s="19">
        <v>301</v>
      </c>
      <c r="K50" s="19">
        <v>416</v>
      </c>
    </row>
    <row r="51" spans="1:11" ht="15" customHeight="1">
      <c r="A51" s="17" t="s">
        <v>99</v>
      </c>
      <c r="B51" s="17"/>
      <c r="C51" s="13">
        <v>1328</v>
      </c>
      <c r="D51" s="19">
        <v>647</v>
      </c>
      <c r="E51" s="19">
        <v>681</v>
      </c>
      <c r="F51" s="19"/>
      <c r="G51" s="18" t="s">
        <v>100</v>
      </c>
      <c r="H51" s="17"/>
      <c r="I51" s="13">
        <v>585</v>
      </c>
      <c r="J51" s="19">
        <v>230</v>
      </c>
      <c r="K51" s="19">
        <v>355</v>
      </c>
    </row>
    <row r="52" spans="1:11" ht="15" customHeight="1">
      <c r="A52" s="17" t="s">
        <v>101</v>
      </c>
      <c r="B52" s="17"/>
      <c r="C52" s="13">
        <v>1303</v>
      </c>
      <c r="D52" s="19">
        <v>680</v>
      </c>
      <c r="E52" s="19">
        <v>623</v>
      </c>
      <c r="F52" s="19"/>
      <c r="G52" s="18" t="s">
        <v>102</v>
      </c>
      <c r="H52" s="17"/>
      <c r="I52" s="13">
        <v>441</v>
      </c>
      <c r="J52" s="19">
        <v>162</v>
      </c>
      <c r="K52" s="19">
        <v>279</v>
      </c>
    </row>
    <row r="53" spans="1:11" ht="20.100000000000001" customHeight="1">
      <c r="A53" s="17" t="s">
        <v>103</v>
      </c>
      <c r="B53" s="17"/>
      <c r="C53" s="13">
        <v>7985</v>
      </c>
      <c r="D53" s="14">
        <v>3994</v>
      </c>
      <c r="E53" s="14">
        <v>3991</v>
      </c>
      <c r="F53" s="14"/>
      <c r="G53" s="18" t="s">
        <v>104</v>
      </c>
      <c r="H53" s="17"/>
      <c r="I53" s="13">
        <v>1399</v>
      </c>
      <c r="J53" s="14">
        <v>434</v>
      </c>
      <c r="K53" s="14">
        <v>965</v>
      </c>
    </row>
    <row r="54" spans="1:11" ht="15" customHeight="1">
      <c r="A54" s="17" t="s">
        <v>105</v>
      </c>
      <c r="B54" s="17"/>
      <c r="C54" s="13">
        <v>1436</v>
      </c>
      <c r="D54" s="19">
        <v>737</v>
      </c>
      <c r="E54" s="19">
        <v>699</v>
      </c>
      <c r="F54" s="19"/>
      <c r="G54" s="18" t="s">
        <v>106</v>
      </c>
      <c r="H54" s="17"/>
      <c r="I54" s="13">
        <v>394</v>
      </c>
      <c r="J54" s="19">
        <v>141</v>
      </c>
      <c r="K54" s="19">
        <v>253</v>
      </c>
    </row>
    <row r="55" spans="1:11" ht="15" customHeight="1">
      <c r="A55" s="17" t="s">
        <v>107</v>
      </c>
      <c r="B55" s="17"/>
      <c r="C55" s="13">
        <v>1487</v>
      </c>
      <c r="D55" s="19">
        <v>717</v>
      </c>
      <c r="E55" s="19">
        <v>770</v>
      </c>
      <c r="F55" s="19"/>
      <c r="G55" s="18" t="s">
        <v>108</v>
      </c>
      <c r="H55" s="17"/>
      <c r="I55" s="13">
        <v>324</v>
      </c>
      <c r="J55" s="19">
        <v>101</v>
      </c>
      <c r="K55" s="19">
        <v>223</v>
      </c>
    </row>
    <row r="56" spans="1:11" ht="15" customHeight="1">
      <c r="A56" s="17" t="s">
        <v>109</v>
      </c>
      <c r="B56" s="17"/>
      <c r="C56" s="13">
        <v>1617</v>
      </c>
      <c r="D56" s="19">
        <v>820</v>
      </c>
      <c r="E56" s="19">
        <v>797</v>
      </c>
      <c r="F56" s="19"/>
      <c r="G56" s="18" t="s">
        <v>110</v>
      </c>
      <c r="H56" s="17"/>
      <c r="I56" s="13">
        <v>251</v>
      </c>
      <c r="J56" s="19">
        <v>76</v>
      </c>
      <c r="K56" s="19">
        <v>175</v>
      </c>
    </row>
    <row r="57" spans="1:11" ht="15" customHeight="1">
      <c r="A57" s="17" t="s">
        <v>111</v>
      </c>
      <c r="B57" s="17"/>
      <c r="C57" s="13">
        <v>1632</v>
      </c>
      <c r="D57" s="19">
        <v>792</v>
      </c>
      <c r="E57" s="19">
        <v>840</v>
      </c>
      <c r="F57" s="19"/>
      <c r="G57" s="18" t="s">
        <v>112</v>
      </c>
      <c r="H57" s="17"/>
      <c r="I57" s="13">
        <v>231</v>
      </c>
      <c r="J57" s="19">
        <v>61</v>
      </c>
      <c r="K57" s="19">
        <v>170</v>
      </c>
    </row>
    <row r="58" spans="1:11" ht="15" customHeight="1">
      <c r="A58" s="17" t="s">
        <v>113</v>
      </c>
      <c r="B58" s="17"/>
      <c r="C58" s="13">
        <v>1813</v>
      </c>
      <c r="D58" s="19">
        <v>928</v>
      </c>
      <c r="E58" s="19">
        <v>885</v>
      </c>
      <c r="F58" s="19"/>
      <c r="G58" s="18" t="s">
        <v>114</v>
      </c>
      <c r="H58" s="17"/>
      <c r="I58" s="13">
        <v>199</v>
      </c>
      <c r="J58" s="19">
        <v>55</v>
      </c>
      <c r="K58" s="19">
        <v>144</v>
      </c>
    </row>
    <row r="59" spans="1:11" ht="20.100000000000001" customHeight="1">
      <c r="A59" s="17" t="s">
        <v>115</v>
      </c>
      <c r="B59" s="17"/>
      <c r="C59" s="13">
        <v>10529</v>
      </c>
      <c r="D59" s="14">
        <v>5287</v>
      </c>
      <c r="E59" s="14">
        <v>5242</v>
      </c>
      <c r="F59" s="14"/>
      <c r="G59" s="18" t="s">
        <v>116</v>
      </c>
      <c r="H59" s="17"/>
      <c r="I59" s="13">
        <v>415</v>
      </c>
      <c r="J59" s="14">
        <v>80</v>
      </c>
      <c r="K59" s="14">
        <v>335</v>
      </c>
    </row>
    <row r="60" spans="1:11" ht="15" customHeight="1">
      <c r="A60" s="17" t="s">
        <v>117</v>
      </c>
      <c r="B60" s="17"/>
      <c r="C60" s="13">
        <v>2007</v>
      </c>
      <c r="D60" s="19">
        <v>1029</v>
      </c>
      <c r="E60" s="19">
        <v>978</v>
      </c>
      <c r="F60" s="19"/>
      <c r="G60" s="18" t="s">
        <v>118</v>
      </c>
      <c r="H60" s="17"/>
      <c r="I60" s="13">
        <v>141</v>
      </c>
      <c r="J60" s="19">
        <v>29</v>
      </c>
      <c r="K60" s="19">
        <v>112</v>
      </c>
    </row>
    <row r="61" spans="1:11" ht="15" customHeight="1">
      <c r="A61" s="17" t="s">
        <v>119</v>
      </c>
      <c r="B61" s="17"/>
      <c r="C61" s="13">
        <v>2168</v>
      </c>
      <c r="D61" s="19">
        <v>1071</v>
      </c>
      <c r="E61" s="19">
        <v>1097</v>
      </c>
      <c r="F61" s="19"/>
      <c r="G61" s="18" t="s">
        <v>120</v>
      </c>
      <c r="H61" s="17"/>
      <c r="I61" s="13">
        <v>113</v>
      </c>
      <c r="J61" s="19">
        <v>27</v>
      </c>
      <c r="K61" s="19">
        <v>86</v>
      </c>
    </row>
    <row r="62" spans="1:11" ht="15" customHeight="1">
      <c r="A62" s="17" t="s">
        <v>121</v>
      </c>
      <c r="B62" s="17"/>
      <c r="C62" s="13">
        <v>2064</v>
      </c>
      <c r="D62" s="19">
        <v>1043</v>
      </c>
      <c r="E62" s="19">
        <v>1021</v>
      </c>
      <c r="F62" s="19"/>
      <c r="G62" s="18" t="s">
        <v>122</v>
      </c>
      <c r="H62" s="17"/>
      <c r="I62" s="13">
        <v>51</v>
      </c>
      <c r="J62" s="19">
        <v>7</v>
      </c>
      <c r="K62" s="19">
        <v>44</v>
      </c>
    </row>
    <row r="63" spans="1:11" ht="15" customHeight="1">
      <c r="A63" s="17" t="s">
        <v>123</v>
      </c>
      <c r="B63" s="17"/>
      <c r="C63" s="13">
        <v>2178</v>
      </c>
      <c r="D63" s="19">
        <v>1095</v>
      </c>
      <c r="E63" s="19">
        <v>1083</v>
      </c>
      <c r="F63" s="19"/>
      <c r="G63" s="18" t="s">
        <v>124</v>
      </c>
      <c r="H63" s="17"/>
      <c r="I63" s="13">
        <v>65</v>
      </c>
      <c r="J63" s="19">
        <v>11</v>
      </c>
      <c r="K63" s="19">
        <v>54</v>
      </c>
    </row>
    <row r="64" spans="1:11" ht="15" customHeight="1">
      <c r="A64" s="17" t="s">
        <v>125</v>
      </c>
      <c r="B64" s="17"/>
      <c r="C64" s="13">
        <v>2112</v>
      </c>
      <c r="D64" s="19">
        <v>1049</v>
      </c>
      <c r="E64" s="19">
        <v>1063</v>
      </c>
      <c r="F64" s="19"/>
      <c r="G64" s="18" t="s">
        <v>126</v>
      </c>
      <c r="H64" s="17"/>
      <c r="I64" s="13">
        <v>45</v>
      </c>
      <c r="J64" s="19">
        <v>6</v>
      </c>
      <c r="K64" s="19">
        <v>3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6</v>
      </c>
      <c r="J65" s="19">
        <v>11</v>
      </c>
      <c r="K65" s="19">
        <v>6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49</v>
      </c>
      <c r="J66" s="29">
        <v>250</v>
      </c>
      <c r="K66" s="29">
        <v>199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7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1830</v>
      </c>
      <c r="D4" s="14">
        <v>74157</v>
      </c>
      <c r="E4" s="14">
        <v>7767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374</v>
      </c>
      <c r="D5" s="14">
        <v>2779</v>
      </c>
      <c r="E5" s="14">
        <v>2595</v>
      </c>
      <c r="F5" s="14"/>
      <c r="G5" s="18" t="s">
        <v>8</v>
      </c>
      <c r="H5" s="17"/>
      <c r="I5" s="13">
        <v>11969</v>
      </c>
      <c r="J5" s="14">
        <v>6147</v>
      </c>
      <c r="K5" s="14">
        <v>5822</v>
      </c>
    </row>
    <row r="6" spans="1:11" ht="15" customHeight="1">
      <c r="A6" s="17" t="s">
        <v>9</v>
      </c>
      <c r="B6" s="17"/>
      <c r="C6" s="13">
        <v>1031</v>
      </c>
      <c r="D6" s="19">
        <v>535</v>
      </c>
      <c r="E6" s="19">
        <v>496</v>
      </c>
      <c r="F6" s="19"/>
      <c r="G6" s="18" t="s">
        <v>10</v>
      </c>
      <c r="H6" s="17"/>
      <c r="I6" s="13">
        <v>2455</v>
      </c>
      <c r="J6" s="19">
        <v>1220</v>
      </c>
      <c r="K6" s="19">
        <v>1235</v>
      </c>
    </row>
    <row r="7" spans="1:11" ht="15" customHeight="1">
      <c r="A7" s="17" t="s">
        <v>11</v>
      </c>
      <c r="B7" s="17"/>
      <c r="C7" s="13">
        <v>1083</v>
      </c>
      <c r="D7" s="19">
        <v>561</v>
      </c>
      <c r="E7" s="19">
        <v>522</v>
      </c>
      <c r="F7" s="19"/>
      <c r="G7" s="18" t="s">
        <v>12</v>
      </c>
      <c r="H7" s="17"/>
      <c r="I7" s="13">
        <v>2621</v>
      </c>
      <c r="J7" s="19">
        <v>1351</v>
      </c>
      <c r="K7" s="19">
        <v>1270</v>
      </c>
    </row>
    <row r="8" spans="1:11" ht="15" customHeight="1">
      <c r="A8" s="17" t="s">
        <v>13</v>
      </c>
      <c r="B8" s="17"/>
      <c r="C8" s="13">
        <v>1077</v>
      </c>
      <c r="D8" s="19">
        <v>548</v>
      </c>
      <c r="E8" s="19">
        <v>529</v>
      </c>
      <c r="F8" s="19"/>
      <c r="G8" s="18" t="s">
        <v>14</v>
      </c>
      <c r="H8" s="17"/>
      <c r="I8" s="13">
        <v>2645</v>
      </c>
      <c r="J8" s="19">
        <v>1380</v>
      </c>
      <c r="K8" s="19">
        <v>1265</v>
      </c>
    </row>
    <row r="9" spans="1:11" ht="15" customHeight="1">
      <c r="A9" s="17" t="s">
        <v>15</v>
      </c>
      <c r="B9" s="17"/>
      <c r="C9" s="13">
        <v>1078</v>
      </c>
      <c r="D9" s="19">
        <v>561</v>
      </c>
      <c r="E9" s="19">
        <v>517</v>
      </c>
      <c r="F9" s="19"/>
      <c r="G9" s="18" t="s">
        <v>16</v>
      </c>
      <c r="H9" s="17"/>
      <c r="I9" s="13">
        <v>1872</v>
      </c>
      <c r="J9" s="19">
        <v>947</v>
      </c>
      <c r="K9" s="19">
        <v>925</v>
      </c>
    </row>
    <row r="10" spans="1:11" ht="15" customHeight="1">
      <c r="A10" s="17" t="s">
        <v>17</v>
      </c>
      <c r="B10" s="17"/>
      <c r="C10" s="13">
        <v>1105</v>
      </c>
      <c r="D10" s="19">
        <v>574</v>
      </c>
      <c r="E10" s="19">
        <v>531</v>
      </c>
      <c r="F10" s="19"/>
      <c r="G10" s="18" t="s">
        <v>18</v>
      </c>
      <c r="H10" s="17"/>
      <c r="I10" s="13">
        <v>2376</v>
      </c>
      <c r="J10" s="19">
        <v>1249</v>
      </c>
      <c r="K10" s="19">
        <v>1127</v>
      </c>
    </row>
    <row r="11" spans="1:11" ht="20.100000000000001" customHeight="1">
      <c r="A11" s="17" t="s">
        <v>19</v>
      </c>
      <c r="B11" s="17"/>
      <c r="C11" s="13">
        <v>5868</v>
      </c>
      <c r="D11" s="14">
        <v>3019</v>
      </c>
      <c r="E11" s="14">
        <v>2849</v>
      </c>
      <c r="F11" s="14"/>
      <c r="G11" s="18" t="s">
        <v>20</v>
      </c>
      <c r="H11" s="17"/>
      <c r="I11" s="13">
        <v>9635</v>
      </c>
      <c r="J11" s="14">
        <v>4838</v>
      </c>
      <c r="K11" s="14">
        <v>4797</v>
      </c>
    </row>
    <row r="12" spans="1:11" ht="15" customHeight="1">
      <c r="A12" s="17" t="s">
        <v>21</v>
      </c>
      <c r="B12" s="17"/>
      <c r="C12" s="13">
        <v>1108</v>
      </c>
      <c r="D12" s="19">
        <v>592</v>
      </c>
      <c r="E12" s="19">
        <v>516</v>
      </c>
      <c r="F12" s="19"/>
      <c r="G12" s="18" t="s">
        <v>22</v>
      </c>
      <c r="H12" s="17"/>
      <c r="I12" s="13">
        <v>2148</v>
      </c>
      <c r="J12" s="19">
        <v>1066</v>
      </c>
      <c r="K12" s="19">
        <v>1082</v>
      </c>
    </row>
    <row r="13" spans="1:11" ht="15" customHeight="1">
      <c r="A13" s="17" t="s">
        <v>23</v>
      </c>
      <c r="B13" s="17"/>
      <c r="C13" s="13">
        <v>1114</v>
      </c>
      <c r="D13" s="19">
        <v>574</v>
      </c>
      <c r="E13" s="19">
        <v>540</v>
      </c>
      <c r="F13" s="19"/>
      <c r="G13" s="18" t="s">
        <v>24</v>
      </c>
      <c r="H13" s="17"/>
      <c r="I13" s="13">
        <v>1958</v>
      </c>
      <c r="J13" s="19">
        <v>978</v>
      </c>
      <c r="K13" s="19">
        <v>980</v>
      </c>
    </row>
    <row r="14" spans="1:11" ht="15" customHeight="1">
      <c r="A14" s="17" t="s">
        <v>25</v>
      </c>
      <c r="B14" s="17"/>
      <c r="C14" s="13">
        <v>1221</v>
      </c>
      <c r="D14" s="19">
        <v>634</v>
      </c>
      <c r="E14" s="19">
        <v>587</v>
      </c>
      <c r="F14" s="19"/>
      <c r="G14" s="18" t="s">
        <v>26</v>
      </c>
      <c r="H14" s="17"/>
      <c r="I14" s="13">
        <v>1900</v>
      </c>
      <c r="J14" s="19">
        <v>956</v>
      </c>
      <c r="K14" s="19">
        <v>944</v>
      </c>
    </row>
    <row r="15" spans="1:11" ht="15" customHeight="1">
      <c r="A15" s="17" t="s">
        <v>27</v>
      </c>
      <c r="B15" s="17"/>
      <c r="C15" s="13">
        <v>1180</v>
      </c>
      <c r="D15" s="19">
        <v>605</v>
      </c>
      <c r="E15" s="19">
        <v>575</v>
      </c>
      <c r="F15" s="19"/>
      <c r="G15" s="18" t="s">
        <v>28</v>
      </c>
      <c r="H15" s="17"/>
      <c r="I15" s="13">
        <v>1822</v>
      </c>
      <c r="J15" s="19">
        <v>926</v>
      </c>
      <c r="K15" s="19">
        <v>896</v>
      </c>
    </row>
    <row r="16" spans="1:11" ht="15" customHeight="1">
      <c r="A16" s="17" t="s">
        <v>29</v>
      </c>
      <c r="B16" s="17"/>
      <c r="C16" s="13">
        <v>1245</v>
      </c>
      <c r="D16" s="19">
        <v>614</v>
      </c>
      <c r="E16" s="19">
        <v>631</v>
      </c>
      <c r="F16" s="19"/>
      <c r="G16" s="18" t="s">
        <v>30</v>
      </c>
      <c r="H16" s="17"/>
      <c r="I16" s="13">
        <v>1807</v>
      </c>
      <c r="J16" s="19">
        <v>912</v>
      </c>
      <c r="K16" s="19">
        <v>895</v>
      </c>
    </row>
    <row r="17" spans="1:11" ht="20.100000000000001" customHeight="1">
      <c r="A17" s="20" t="s">
        <v>31</v>
      </c>
      <c r="B17" s="20"/>
      <c r="C17" s="13">
        <v>6725</v>
      </c>
      <c r="D17" s="14">
        <v>3492</v>
      </c>
      <c r="E17" s="14">
        <v>3233</v>
      </c>
      <c r="F17" s="14"/>
      <c r="G17" s="18" t="s">
        <v>32</v>
      </c>
      <c r="H17" s="17"/>
      <c r="I17" s="13">
        <v>8222</v>
      </c>
      <c r="J17" s="14">
        <v>4083</v>
      </c>
      <c r="K17" s="14">
        <v>4139</v>
      </c>
    </row>
    <row r="18" spans="1:11" ht="15" customHeight="1">
      <c r="A18" s="17" t="s">
        <v>33</v>
      </c>
      <c r="B18" s="17"/>
      <c r="C18" s="13">
        <v>1298</v>
      </c>
      <c r="D18" s="19">
        <v>670</v>
      </c>
      <c r="E18" s="19">
        <v>628</v>
      </c>
      <c r="F18" s="19"/>
      <c r="G18" s="18" t="s">
        <v>34</v>
      </c>
      <c r="H18" s="17"/>
      <c r="I18" s="13">
        <v>1668</v>
      </c>
      <c r="J18" s="19">
        <v>823</v>
      </c>
      <c r="K18" s="19">
        <v>845</v>
      </c>
    </row>
    <row r="19" spans="1:11" ht="15" customHeight="1">
      <c r="A19" s="17" t="s">
        <v>35</v>
      </c>
      <c r="B19" s="17"/>
      <c r="C19" s="13">
        <v>1350</v>
      </c>
      <c r="D19" s="19">
        <v>679</v>
      </c>
      <c r="E19" s="19">
        <v>671</v>
      </c>
      <c r="F19" s="19"/>
      <c r="G19" s="18" t="s">
        <v>36</v>
      </c>
      <c r="H19" s="17"/>
      <c r="I19" s="13">
        <v>1692</v>
      </c>
      <c r="J19" s="19">
        <v>859</v>
      </c>
      <c r="K19" s="19">
        <v>833</v>
      </c>
    </row>
    <row r="20" spans="1:11" ht="15" customHeight="1">
      <c r="A20" s="17" t="s">
        <v>37</v>
      </c>
      <c r="B20" s="17"/>
      <c r="C20" s="13">
        <v>1392</v>
      </c>
      <c r="D20" s="19">
        <v>730</v>
      </c>
      <c r="E20" s="19">
        <v>662</v>
      </c>
      <c r="F20" s="19"/>
      <c r="G20" s="18" t="s">
        <v>38</v>
      </c>
      <c r="H20" s="17"/>
      <c r="I20" s="13">
        <v>1601</v>
      </c>
      <c r="J20" s="19">
        <v>800</v>
      </c>
      <c r="K20" s="19">
        <v>801</v>
      </c>
    </row>
    <row r="21" spans="1:11" ht="15" customHeight="1">
      <c r="A21" s="17" t="s">
        <v>39</v>
      </c>
      <c r="B21" s="17"/>
      <c r="C21" s="13">
        <v>1384</v>
      </c>
      <c r="D21" s="19">
        <v>744</v>
      </c>
      <c r="E21" s="19">
        <v>640</v>
      </c>
      <c r="F21" s="19"/>
      <c r="G21" s="18" t="s">
        <v>40</v>
      </c>
      <c r="H21" s="17"/>
      <c r="I21" s="13">
        <v>1596</v>
      </c>
      <c r="J21" s="19">
        <v>797</v>
      </c>
      <c r="K21" s="19">
        <v>799</v>
      </c>
    </row>
    <row r="22" spans="1:11" ht="15" customHeight="1">
      <c r="A22" s="17" t="s">
        <v>41</v>
      </c>
      <c r="B22" s="17"/>
      <c r="C22" s="13">
        <v>1301</v>
      </c>
      <c r="D22" s="19">
        <v>669</v>
      </c>
      <c r="E22" s="19">
        <v>632</v>
      </c>
      <c r="F22" s="19"/>
      <c r="G22" s="18" t="s">
        <v>42</v>
      </c>
      <c r="H22" s="17"/>
      <c r="I22" s="13">
        <v>1665</v>
      </c>
      <c r="J22" s="19">
        <v>804</v>
      </c>
      <c r="K22" s="19">
        <v>861</v>
      </c>
    </row>
    <row r="23" spans="1:11" ht="20.100000000000001" customHeight="1">
      <c r="A23" s="17" t="s">
        <v>43</v>
      </c>
      <c r="B23" s="17"/>
      <c r="C23" s="13">
        <v>7361</v>
      </c>
      <c r="D23" s="14">
        <v>3739</v>
      </c>
      <c r="E23" s="14">
        <v>3622</v>
      </c>
      <c r="F23" s="14"/>
      <c r="G23" s="18" t="s">
        <v>44</v>
      </c>
      <c r="H23" s="17"/>
      <c r="I23" s="13">
        <v>9486</v>
      </c>
      <c r="J23" s="14">
        <v>4615</v>
      </c>
      <c r="K23" s="14">
        <v>4871</v>
      </c>
    </row>
    <row r="24" spans="1:11" ht="15" customHeight="1">
      <c r="A24" s="17" t="s">
        <v>45</v>
      </c>
      <c r="B24" s="17"/>
      <c r="C24" s="13">
        <v>1433</v>
      </c>
      <c r="D24" s="19">
        <v>763</v>
      </c>
      <c r="E24" s="19">
        <v>670</v>
      </c>
      <c r="F24" s="19"/>
      <c r="G24" s="18" t="s">
        <v>46</v>
      </c>
      <c r="H24" s="17"/>
      <c r="I24" s="13">
        <v>1721</v>
      </c>
      <c r="J24" s="19">
        <v>836</v>
      </c>
      <c r="K24" s="19">
        <v>885</v>
      </c>
    </row>
    <row r="25" spans="1:11" ht="15" customHeight="1">
      <c r="A25" s="17" t="s">
        <v>47</v>
      </c>
      <c r="B25" s="17"/>
      <c r="C25" s="13">
        <v>1455</v>
      </c>
      <c r="D25" s="19">
        <v>774</v>
      </c>
      <c r="E25" s="19">
        <v>681</v>
      </c>
      <c r="F25" s="19"/>
      <c r="G25" s="18" t="s">
        <v>48</v>
      </c>
      <c r="H25" s="17"/>
      <c r="I25" s="13">
        <v>1724</v>
      </c>
      <c r="J25" s="19">
        <v>849</v>
      </c>
      <c r="K25" s="19">
        <v>875</v>
      </c>
    </row>
    <row r="26" spans="1:11" ht="15" customHeight="1">
      <c r="A26" s="17" t="s">
        <v>49</v>
      </c>
      <c r="B26" s="17"/>
      <c r="C26" s="13">
        <v>1436</v>
      </c>
      <c r="D26" s="19">
        <v>724</v>
      </c>
      <c r="E26" s="19">
        <v>712</v>
      </c>
      <c r="F26" s="19"/>
      <c r="G26" s="18" t="s">
        <v>50</v>
      </c>
      <c r="H26" s="17"/>
      <c r="I26" s="13">
        <v>1908</v>
      </c>
      <c r="J26" s="19">
        <v>943</v>
      </c>
      <c r="K26" s="19">
        <v>965</v>
      </c>
    </row>
    <row r="27" spans="1:11" ht="15" customHeight="1">
      <c r="A27" s="17" t="s">
        <v>51</v>
      </c>
      <c r="B27" s="17"/>
      <c r="C27" s="13">
        <v>1535</v>
      </c>
      <c r="D27" s="19">
        <v>774</v>
      </c>
      <c r="E27" s="19">
        <v>761</v>
      </c>
      <c r="F27" s="19"/>
      <c r="G27" s="18" t="s">
        <v>52</v>
      </c>
      <c r="H27" s="17"/>
      <c r="I27" s="13">
        <v>1976</v>
      </c>
      <c r="J27" s="19">
        <v>983</v>
      </c>
      <c r="K27" s="19">
        <v>993</v>
      </c>
    </row>
    <row r="28" spans="1:11" ht="15" customHeight="1">
      <c r="A28" s="17" t="s">
        <v>53</v>
      </c>
      <c r="B28" s="17"/>
      <c r="C28" s="13">
        <v>1502</v>
      </c>
      <c r="D28" s="19">
        <v>704</v>
      </c>
      <c r="E28" s="19">
        <v>798</v>
      </c>
      <c r="F28" s="19"/>
      <c r="G28" s="18" t="s">
        <v>54</v>
      </c>
      <c r="H28" s="17"/>
      <c r="I28" s="13">
        <v>2157</v>
      </c>
      <c r="J28" s="19">
        <v>1004</v>
      </c>
      <c r="K28" s="19">
        <v>1153</v>
      </c>
    </row>
    <row r="29" spans="1:11" ht="20.100000000000001" customHeight="1">
      <c r="A29" s="17" t="s">
        <v>55</v>
      </c>
      <c r="B29" s="17"/>
      <c r="C29" s="13">
        <v>7447</v>
      </c>
      <c r="D29" s="14">
        <v>3719</v>
      </c>
      <c r="E29" s="14">
        <v>3728</v>
      </c>
      <c r="F29" s="14"/>
      <c r="G29" s="18" t="s">
        <v>56</v>
      </c>
      <c r="H29" s="17"/>
      <c r="I29" s="13">
        <v>10720</v>
      </c>
      <c r="J29" s="14">
        <v>5053</v>
      </c>
      <c r="K29" s="14">
        <v>5667</v>
      </c>
    </row>
    <row r="30" spans="1:11" ht="15" customHeight="1">
      <c r="A30" s="17" t="s">
        <v>57</v>
      </c>
      <c r="B30" s="17"/>
      <c r="C30" s="13">
        <v>1481</v>
      </c>
      <c r="D30" s="19">
        <v>769</v>
      </c>
      <c r="E30" s="19">
        <v>712</v>
      </c>
      <c r="F30" s="19"/>
      <c r="G30" s="18" t="s">
        <v>58</v>
      </c>
      <c r="H30" s="17"/>
      <c r="I30" s="13">
        <v>2511</v>
      </c>
      <c r="J30" s="19">
        <v>1197</v>
      </c>
      <c r="K30" s="19">
        <v>1314</v>
      </c>
    </row>
    <row r="31" spans="1:11" ht="15" customHeight="1">
      <c r="A31" s="17" t="s">
        <v>59</v>
      </c>
      <c r="B31" s="17"/>
      <c r="C31" s="13">
        <v>1580</v>
      </c>
      <c r="D31" s="19">
        <v>795</v>
      </c>
      <c r="E31" s="19">
        <v>785</v>
      </c>
      <c r="F31" s="19"/>
      <c r="G31" s="18" t="s">
        <v>60</v>
      </c>
      <c r="H31" s="17"/>
      <c r="I31" s="13">
        <v>2434</v>
      </c>
      <c r="J31" s="19">
        <v>1084</v>
      </c>
      <c r="K31" s="19">
        <v>1350</v>
      </c>
    </row>
    <row r="32" spans="1:11" ht="15" customHeight="1">
      <c r="A32" s="17" t="s">
        <v>61</v>
      </c>
      <c r="B32" s="17"/>
      <c r="C32" s="13">
        <v>1527</v>
      </c>
      <c r="D32" s="19">
        <v>766</v>
      </c>
      <c r="E32" s="19">
        <v>761</v>
      </c>
      <c r="F32" s="19"/>
      <c r="G32" s="18" t="s">
        <v>62</v>
      </c>
      <c r="H32" s="17"/>
      <c r="I32" s="13">
        <v>2492</v>
      </c>
      <c r="J32" s="19">
        <v>1210</v>
      </c>
      <c r="K32" s="19">
        <v>1282</v>
      </c>
    </row>
    <row r="33" spans="1:11" ht="15" customHeight="1">
      <c r="A33" s="17" t="s">
        <v>63</v>
      </c>
      <c r="B33" s="17"/>
      <c r="C33" s="13">
        <v>1423</v>
      </c>
      <c r="D33" s="19">
        <v>677</v>
      </c>
      <c r="E33" s="19">
        <v>746</v>
      </c>
      <c r="F33" s="19"/>
      <c r="G33" s="18" t="s">
        <v>64</v>
      </c>
      <c r="H33" s="17"/>
      <c r="I33" s="13">
        <v>1698</v>
      </c>
      <c r="J33" s="19">
        <v>810</v>
      </c>
      <c r="K33" s="19">
        <v>888</v>
      </c>
    </row>
    <row r="34" spans="1:11" ht="15" customHeight="1">
      <c r="A34" s="17" t="s">
        <v>65</v>
      </c>
      <c r="B34" s="17"/>
      <c r="C34" s="13">
        <v>1436</v>
      </c>
      <c r="D34" s="19">
        <v>712</v>
      </c>
      <c r="E34" s="19">
        <v>724</v>
      </c>
      <c r="F34" s="19"/>
      <c r="G34" s="18" t="s">
        <v>66</v>
      </c>
      <c r="H34" s="17"/>
      <c r="I34" s="13">
        <v>1585</v>
      </c>
      <c r="J34" s="19">
        <v>752</v>
      </c>
      <c r="K34" s="19">
        <v>833</v>
      </c>
    </row>
    <row r="35" spans="1:11" ht="20.100000000000001" customHeight="1">
      <c r="A35" s="17" t="s">
        <v>67</v>
      </c>
      <c r="B35" s="17"/>
      <c r="C35" s="13">
        <v>6853</v>
      </c>
      <c r="D35" s="14">
        <v>3359</v>
      </c>
      <c r="E35" s="14">
        <v>3494</v>
      </c>
      <c r="F35" s="14"/>
      <c r="G35" s="18" t="s">
        <v>68</v>
      </c>
      <c r="H35" s="17"/>
      <c r="I35" s="13">
        <v>9894</v>
      </c>
      <c r="J35" s="14">
        <v>4484</v>
      </c>
      <c r="K35" s="14">
        <v>5410</v>
      </c>
    </row>
    <row r="36" spans="1:11" ht="15" customHeight="1">
      <c r="A36" s="17" t="s">
        <v>69</v>
      </c>
      <c r="B36" s="17"/>
      <c r="C36" s="13">
        <v>1446</v>
      </c>
      <c r="D36" s="19">
        <v>689</v>
      </c>
      <c r="E36" s="19">
        <v>757</v>
      </c>
      <c r="F36" s="19"/>
      <c r="G36" s="18" t="s">
        <v>70</v>
      </c>
      <c r="H36" s="17"/>
      <c r="I36" s="13">
        <v>1968</v>
      </c>
      <c r="J36" s="19">
        <v>916</v>
      </c>
      <c r="K36" s="19">
        <v>1052</v>
      </c>
    </row>
    <row r="37" spans="1:11" ht="15" customHeight="1">
      <c r="A37" s="17" t="s">
        <v>71</v>
      </c>
      <c r="B37" s="17"/>
      <c r="C37" s="13">
        <v>1410</v>
      </c>
      <c r="D37" s="19">
        <v>663</v>
      </c>
      <c r="E37" s="19">
        <v>747</v>
      </c>
      <c r="F37" s="19"/>
      <c r="G37" s="18" t="s">
        <v>72</v>
      </c>
      <c r="H37" s="17"/>
      <c r="I37" s="13">
        <v>2144</v>
      </c>
      <c r="J37" s="19">
        <v>946</v>
      </c>
      <c r="K37" s="19">
        <v>1198</v>
      </c>
    </row>
    <row r="38" spans="1:11" ht="15" customHeight="1">
      <c r="A38" s="17" t="s">
        <v>73</v>
      </c>
      <c r="B38" s="17"/>
      <c r="C38" s="13">
        <v>1344</v>
      </c>
      <c r="D38" s="19">
        <v>665</v>
      </c>
      <c r="E38" s="19">
        <v>679</v>
      </c>
      <c r="F38" s="19"/>
      <c r="G38" s="18" t="s">
        <v>74</v>
      </c>
      <c r="H38" s="17"/>
      <c r="I38" s="13">
        <v>1989</v>
      </c>
      <c r="J38" s="19">
        <v>885</v>
      </c>
      <c r="K38" s="19">
        <v>1104</v>
      </c>
    </row>
    <row r="39" spans="1:11" ht="15" customHeight="1">
      <c r="A39" s="17" t="s">
        <v>75</v>
      </c>
      <c r="B39" s="17"/>
      <c r="C39" s="13">
        <v>1321</v>
      </c>
      <c r="D39" s="19">
        <v>662</v>
      </c>
      <c r="E39" s="19">
        <v>659</v>
      </c>
      <c r="F39" s="19"/>
      <c r="G39" s="18" t="s">
        <v>76</v>
      </c>
      <c r="H39" s="17"/>
      <c r="I39" s="13">
        <v>1977</v>
      </c>
      <c r="J39" s="19">
        <v>901</v>
      </c>
      <c r="K39" s="19">
        <v>1076</v>
      </c>
    </row>
    <row r="40" spans="1:11" ht="15" customHeight="1">
      <c r="A40" s="17" t="s">
        <v>77</v>
      </c>
      <c r="B40" s="17"/>
      <c r="C40" s="13">
        <v>1332</v>
      </c>
      <c r="D40" s="19">
        <v>680</v>
      </c>
      <c r="E40" s="19">
        <v>652</v>
      </c>
      <c r="F40" s="19"/>
      <c r="G40" s="18" t="s">
        <v>78</v>
      </c>
      <c r="H40" s="17"/>
      <c r="I40" s="13">
        <v>1816</v>
      </c>
      <c r="J40" s="19">
        <v>836</v>
      </c>
      <c r="K40" s="19">
        <v>980</v>
      </c>
    </row>
    <row r="41" spans="1:11" ht="20.100000000000001" customHeight="1">
      <c r="A41" s="17" t="s">
        <v>79</v>
      </c>
      <c r="B41" s="17"/>
      <c r="C41" s="13">
        <v>6891</v>
      </c>
      <c r="D41" s="14">
        <v>3466</v>
      </c>
      <c r="E41" s="14">
        <v>3425</v>
      </c>
      <c r="F41" s="14"/>
      <c r="G41" s="18" t="s">
        <v>80</v>
      </c>
      <c r="H41" s="17"/>
      <c r="I41" s="13">
        <v>7125</v>
      </c>
      <c r="J41" s="14">
        <v>3139</v>
      </c>
      <c r="K41" s="14">
        <v>3986</v>
      </c>
    </row>
    <row r="42" spans="1:11" ht="15" customHeight="1">
      <c r="A42" s="17" t="s">
        <v>81</v>
      </c>
      <c r="B42" s="17"/>
      <c r="C42" s="13">
        <v>1270</v>
      </c>
      <c r="D42" s="19">
        <v>630</v>
      </c>
      <c r="E42" s="19">
        <v>640</v>
      </c>
      <c r="F42" s="19"/>
      <c r="G42" s="18" t="s">
        <v>82</v>
      </c>
      <c r="H42" s="17"/>
      <c r="I42" s="13">
        <v>1557</v>
      </c>
      <c r="J42" s="19">
        <v>672</v>
      </c>
      <c r="K42" s="19">
        <v>885</v>
      </c>
    </row>
    <row r="43" spans="1:11" ht="15" customHeight="1">
      <c r="A43" s="17" t="s">
        <v>83</v>
      </c>
      <c r="B43" s="17"/>
      <c r="C43" s="13">
        <v>1389</v>
      </c>
      <c r="D43" s="19">
        <v>690</v>
      </c>
      <c r="E43" s="19">
        <v>699</v>
      </c>
      <c r="F43" s="19"/>
      <c r="G43" s="18" t="s">
        <v>84</v>
      </c>
      <c r="H43" s="17"/>
      <c r="I43" s="13">
        <v>1446</v>
      </c>
      <c r="J43" s="19">
        <v>649</v>
      </c>
      <c r="K43" s="19">
        <v>797</v>
      </c>
    </row>
    <row r="44" spans="1:11" ht="15" customHeight="1">
      <c r="A44" s="17" t="s">
        <v>85</v>
      </c>
      <c r="B44" s="17"/>
      <c r="C44" s="13">
        <v>1348</v>
      </c>
      <c r="D44" s="19">
        <v>698</v>
      </c>
      <c r="E44" s="19">
        <v>650</v>
      </c>
      <c r="F44" s="19"/>
      <c r="G44" s="18" t="s">
        <v>86</v>
      </c>
      <c r="H44" s="17"/>
      <c r="I44" s="13">
        <v>1543</v>
      </c>
      <c r="J44" s="19">
        <v>689</v>
      </c>
      <c r="K44" s="19">
        <v>854</v>
      </c>
    </row>
    <row r="45" spans="1:11" ht="15" customHeight="1">
      <c r="A45" s="17" t="s">
        <v>87</v>
      </c>
      <c r="B45" s="17"/>
      <c r="C45" s="13">
        <v>1466</v>
      </c>
      <c r="D45" s="19">
        <v>735</v>
      </c>
      <c r="E45" s="19">
        <v>731</v>
      </c>
      <c r="F45" s="19"/>
      <c r="G45" s="18" t="s">
        <v>88</v>
      </c>
      <c r="H45" s="17"/>
      <c r="I45" s="13">
        <v>1289</v>
      </c>
      <c r="J45" s="19">
        <v>565</v>
      </c>
      <c r="K45" s="19">
        <v>724</v>
      </c>
    </row>
    <row r="46" spans="1:11" ht="15" customHeight="1">
      <c r="A46" s="17" t="s">
        <v>89</v>
      </c>
      <c r="B46" s="17"/>
      <c r="C46" s="13">
        <v>1418</v>
      </c>
      <c r="D46" s="19">
        <v>713</v>
      </c>
      <c r="E46" s="19">
        <v>705</v>
      </c>
      <c r="F46" s="19"/>
      <c r="G46" s="18" t="s">
        <v>90</v>
      </c>
      <c r="H46" s="17"/>
      <c r="I46" s="13">
        <v>1290</v>
      </c>
      <c r="J46" s="19">
        <v>564</v>
      </c>
      <c r="K46" s="19">
        <v>726</v>
      </c>
    </row>
    <row r="47" spans="1:11" ht="20.100000000000001" customHeight="1">
      <c r="A47" s="17" t="s">
        <v>91</v>
      </c>
      <c r="B47" s="17"/>
      <c r="C47" s="13">
        <v>7965</v>
      </c>
      <c r="D47" s="14">
        <v>3992</v>
      </c>
      <c r="E47" s="14">
        <v>3973</v>
      </c>
      <c r="F47" s="14"/>
      <c r="G47" s="18" t="s">
        <v>92</v>
      </c>
      <c r="H47" s="17"/>
      <c r="I47" s="13">
        <v>4337</v>
      </c>
      <c r="J47" s="14">
        <v>1704</v>
      </c>
      <c r="K47" s="14">
        <v>2633</v>
      </c>
    </row>
    <row r="48" spans="1:11" ht="15" customHeight="1">
      <c r="A48" s="17" t="s">
        <v>93</v>
      </c>
      <c r="B48" s="17"/>
      <c r="C48" s="13">
        <v>1515</v>
      </c>
      <c r="D48" s="19">
        <v>748</v>
      </c>
      <c r="E48" s="19">
        <v>767</v>
      </c>
      <c r="F48" s="19"/>
      <c r="G48" s="18" t="s">
        <v>94</v>
      </c>
      <c r="H48" s="17"/>
      <c r="I48" s="13">
        <v>1101</v>
      </c>
      <c r="J48" s="19">
        <v>462</v>
      </c>
      <c r="K48" s="19">
        <v>639</v>
      </c>
    </row>
    <row r="49" spans="1:11" ht="15" customHeight="1">
      <c r="A49" s="17" t="s">
        <v>95</v>
      </c>
      <c r="B49" s="17"/>
      <c r="C49" s="13">
        <v>1595</v>
      </c>
      <c r="D49" s="19">
        <v>833</v>
      </c>
      <c r="E49" s="19">
        <v>762</v>
      </c>
      <c r="F49" s="19"/>
      <c r="G49" s="18" t="s">
        <v>96</v>
      </c>
      <c r="H49" s="17"/>
      <c r="I49" s="13">
        <v>1026</v>
      </c>
      <c r="J49" s="19">
        <v>387</v>
      </c>
      <c r="K49" s="19">
        <v>639</v>
      </c>
    </row>
    <row r="50" spans="1:11" ht="15" customHeight="1">
      <c r="A50" s="17" t="s">
        <v>97</v>
      </c>
      <c r="B50" s="17"/>
      <c r="C50" s="13">
        <v>1602</v>
      </c>
      <c r="D50" s="19">
        <v>802</v>
      </c>
      <c r="E50" s="19">
        <v>800</v>
      </c>
      <c r="F50" s="19"/>
      <c r="G50" s="18" t="s">
        <v>98</v>
      </c>
      <c r="H50" s="17"/>
      <c r="I50" s="13">
        <v>862</v>
      </c>
      <c r="J50" s="19">
        <v>350</v>
      </c>
      <c r="K50" s="19">
        <v>512</v>
      </c>
    </row>
    <row r="51" spans="1:11" ht="15" customHeight="1">
      <c r="A51" s="17" t="s">
        <v>99</v>
      </c>
      <c r="B51" s="17"/>
      <c r="C51" s="13">
        <v>1537</v>
      </c>
      <c r="D51" s="19">
        <v>774</v>
      </c>
      <c r="E51" s="19">
        <v>763</v>
      </c>
      <c r="F51" s="19"/>
      <c r="G51" s="18" t="s">
        <v>100</v>
      </c>
      <c r="H51" s="17"/>
      <c r="I51" s="13">
        <v>743</v>
      </c>
      <c r="J51" s="19">
        <v>281</v>
      </c>
      <c r="K51" s="19">
        <v>462</v>
      </c>
    </row>
    <row r="52" spans="1:11" ht="15" customHeight="1">
      <c r="A52" s="17" t="s">
        <v>101</v>
      </c>
      <c r="B52" s="17"/>
      <c r="C52" s="13">
        <v>1716</v>
      </c>
      <c r="D52" s="19">
        <v>835</v>
      </c>
      <c r="E52" s="19">
        <v>881</v>
      </c>
      <c r="F52" s="19"/>
      <c r="G52" s="18" t="s">
        <v>102</v>
      </c>
      <c r="H52" s="17"/>
      <c r="I52" s="13">
        <v>605</v>
      </c>
      <c r="J52" s="19">
        <v>224</v>
      </c>
      <c r="K52" s="19">
        <v>381</v>
      </c>
    </row>
    <row r="53" spans="1:11" ht="20.100000000000001" customHeight="1">
      <c r="A53" s="17" t="s">
        <v>103</v>
      </c>
      <c r="B53" s="17"/>
      <c r="C53" s="13">
        <v>9920</v>
      </c>
      <c r="D53" s="14">
        <v>5063</v>
      </c>
      <c r="E53" s="14">
        <v>4857</v>
      </c>
      <c r="F53" s="14"/>
      <c r="G53" s="18" t="s">
        <v>104</v>
      </c>
      <c r="H53" s="17"/>
      <c r="I53" s="13">
        <v>1863</v>
      </c>
      <c r="J53" s="14">
        <v>584</v>
      </c>
      <c r="K53" s="14">
        <v>1279</v>
      </c>
    </row>
    <row r="54" spans="1:11" ht="15" customHeight="1">
      <c r="A54" s="17" t="s">
        <v>105</v>
      </c>
      <c r="B54" s="17"/>
      <c r="C54" s="13">
        <v>1773</v>
      </c>
      <c r="D54" s="19">
        <v>913</v>
      </c>
      <c r="E54" s="19">
        <v>860</v>
      </c>
      <c r="F54" s="19"/>
      <c r="G54" s="18" t="s">
        <v>106</v>
      </c>
      <c r="H54" s="17"/>
      <c r="I54" s="13">
        <v>508</v>
      </c>
      <c r="J54" s="19">
        <v>157</v>
      </c>
      <c r="K54" s="19">
        <v>351</v>
      </c>
    </row>
    <row r="55" spans="1:11" ht="15" customHeight="1">
      <c r="A55" s="17" t="s">
        <v>107</v>
      </c>
      <c r="B55" s="17"/>
      <c r="C55" s="13">
        <v>1895</v>
      </c>
      <c r="D55" s="19">
        <v>994</v>
      </c>
      <c r="E55" s="19">
        <v>901</v>
      </c>
      <c r="F55" s="19"/>
      <c r="G55" s="18" t="s">
        <v>108</v>
      </c>
      <c r="H55" s="17"/>
      <c r="I55" s="13">
        <v>420</v>
      </c>
      <c r="J55" s="19">
        <v>150</v>
      </c>
      <c r="K55" s="19">
        <v>270</v>
      </c>
    </row>
    <row r="56" spans="1:11" ht="15" customHeight="1">
      <c r="A56" s="17" t="s">
        <v>109</v>
      </c>
      <c r="B56" s="17"/>
      <c r="C56" s="13">
        <v>1962</v>
      </c>
      <c r="D56" s="19">
        <v>1007</v>
      </c>
      <c r="E56" s="19">
        <v>955</v>
      </c>
      <c r="F56" s="19"/>
      <c r="G56" s="18" t="s">
        <v>110</v>
      </c>
      <c r="H56" s="17"/>
      <c r="I56" s="13">
        <v>342</v>
      </c>
      <c r="J56" s="19">
        <v>109</v>
      </c>
      <c r="K56" s="19">
        <v>233</v>
      </c>
    </row>
    <row r="57" spans="1:11" ht="15" customHeight="1">
      <c r="A57" s="17" t="s">
        <v>111</v>
      </c>
      <c r="B57" s="17"/>
      <c r="C57" s="13">
        <v>2077</v>
      </c>
      <c r="D57" s="19">
        <v>1022</v>
      </c>
      <c r="E57" s="19">
        <v>1055</v>
      </c>
      <c r="F57" s="19"/>
      <c r="G57" s="18" t="s">
        <v>112</v>
      </c>
      <c r="H57" s="17"/>
      <c r="I57" s="13">
        <v>326</v>
      </c>
      <c r="J57" s="19">
        <v>96</v>
      </c>
      <c r="K57" s="19">
        <v>230</v>
      </c>
    </row>
    <row r="58" spans="1:11" ht="15" customHeight="1">
      <c r="A58" s="17" t="s">
        <v>113</v>
      </c>
      <c r="B58" s="17"/>
      <c r="C58" s="13">
        <v>2213</v>
      </c>
      <c r="D58" s="19">
        <v>1127</v>
      </c>
      <c r="E58" s="19">
        <v>1086</v>
      </c>
      <c r="F58" s="19"/>
      <c r="G58" s="18" t="s">
        <v>114</v>
      </c>
      <c r="H58" s="17"/>
      <c r="I58" s="13">
        <v>267</v>
      </c>
      <c r="J58" s="19">
        <v>72</v>
      </c>
      <c r="K58" s="19">
        <v>195</v>
      </c>
    </row>
    <row r="59" spans="1:11" ht="20.100000000000001" customHeight="1">
      <c r="A59" s="17" t="s">
        <v>115</v>
      </c>
      <c r="B59" s="17"/>
      <c r="C59" s="13">
        <v>12978</v>
      </c>
      <c r="D59" s="14">
        <v>6481</v>
      </c>
      <c r="E59" s="14">
        <v>6497</v>
      </c>
      <c r="F59" s="14"/>
      <c r="G59" s="18" t="s">
        <v>116</v>
      </c>
      <c r="H59" s="17"/>
      <c r="I59" s="13">
        <v>639</v>
      </c>
      <c r="J59" s="14">
        <v>109</v>
      </c>
      <c r="K59" s="14">
        <v>530</v>
      </c>
    </row>
    <row r="60" spans="1:11" ht="15" customHeight="1">
      <c r="A60" s="17" t="s">
        <v>117</v>
      </c>
      <c r="B60" s="17"/>
      <c r="C60" s="13">
        <v>2512</v>
      </c>
      <c r="D60" s="19">
        <v>1259</v>
      </c>
      <c r="E60" s="19">
        <v>1253</v>
      </c>
      <c r="F60" s="19"/>
      <c r="G60" s="18" t="s">
        <v>118</v>
      </c>
      <c r="H60" s="17"/>
      <c r="I60" s="13">
        <v>193</v>
      </c>
      <c r="J60" s="19">
        <v>41</v>
      </c>
      <c r="K60" s="19">
        <v>152</v>
      </c>
    </row>
    <row r="61" spans="1:11" ht="15" customHeight="1">
      <c r="A61" s="17" t="s">
        <v>119</v>
      </c>
      <c r="B61" s="17"/>
      <c r="C61" s="13">
        <v>2651</v>
      </c>
      <c r="D61" s="19">
        <v>1334</v>
      </c>
      <c r="E61" s="19">
        <v>1317</v>
      </c>
      <c r="F61" s="19"/>
      <c r="G61" s="18" t="s">
        <v>120</v>
      </c>
      <c r="H61" s="17"/>
      <c r="I61" s="13">
        <v>153</v>
      </c>
      <c r="J61" s="19">
        <v>30</v>
      </c>
      <c r="K61" s="19">
        <v>123</v>
      </c>
    </row>
    <row r="62" spans="1:11" ht="15" customHeight="1">
      <c r="A62" s="17" t="s">
        <v>121</v>
      </c>
      <c r="B62" s="17"/>
      <c r="C62" s="13">
        <v>2580</v>
      </c>
      <c r="D62" s="19">
        <v>1270</v>
      </c>
      <c r="E62" s="19">
        <v>1310</v>
      </c>
      <c r="F62" s="19"/>
      <c r="G62" s="18" t="s">
        <v>122</v>
      </c>
      <c r="H62" s="17"/>
      <c r="I62" s="13">
        <v>129</v>
      </c>
      <c r="J62" s="19">
        <v>19</v>
      </c>
      <c r="K62" s="19">
        <v>110</v>
      </c>
    </row>
    <row r="63" spans="1:11" ht="15" customHeight="1">
      <c r="A63" s="17" t="s">
        <v>123</v>
      </c>
      <c r="B63" s="17"/>
      <c r="C63" s="13">
        <v>2617</v>
      </c>
      <c r="D63" s="19">
        <v>1317</v>
      </c>
      <c r="E63" s="19">
        <v>1300</v>
      </c>
      <c r="F63" s="19"/>
      <c r="G63" s="18" t="s">
        <v>124</v>
      </c>
      <c r="H63" s="17"/>
      <c r="I63" s="13">
        <v>90</v>
      </c>
      <c r="J63" s="19">
        <v>11</v>
      </c>
      <c r="K63" s="19">
        <v>79</v>
      </c>
    </row>
    <row r="64" spans="1:11" ht="15" customHeight="1">
      <c r="A64" s="17" t="s">
        <v>125</v>
      </c>
      <c r="B64" s="17"/>
      <c r="C64" s="13">
        <v>2618</v>
      </c>
      <c r="D64" s="19">
        <v>1301</v>
      </c>
      <c r="E64" s="19">
        <v>1317</v>
      </c>
      <c r="F64" s="19"/>
      <c r="G64" s="18" t="s">
        <v>126</v>
      </c>
      <c r="H64" s="17"/>
      <c r="I64" s="13">
        <v>74</v>
      </c>
      <c r="J64" s="19">
        <v>8</v>
      </c>
      <c r="K64" s="19">
        <v>6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2</v>
      </c>
      <c r="J65" s="19">
        <v>15</v>
      </c>
      <c r="K65" s="19">
        <v>15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6</v>
      </c>
      <c r="J66" s="29">
        <v>277</v>
      </c>
      <c r="K66" s="29">
        <v>109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0387</v>
      </c>
      <c r="D4" s="14">
        <v>150534</v>
      </c>
      <c r="E4" s="14">
        <v>15985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739</v>
      </c>
      <c r="D5" s="14">
        <v>6047</v>
      </c>
      <c r="E5" s="14">
        <v>5692</v>
      </c>
      <c r="F5" s="14"/>
      <c r="G5" s="18" t="s">
        <v>8</v>
      </c>
      <c r="H5" s="17"/>
      <c r="I5" s="13">
        <v>27755</v>
      </c>
      <c r="J5" s="14">
        <v>13498</v>
      </c>
      <c r="K5" s="14">
        <v>14257</v>
      </c>
    </row>
    <row r="6" spans="1:11" ht="15" customHeight="1">
      <c r="A6" s="17" t="s">
        <v>9</v>
      </c>
      <c r="B6" s="17"/>
      <c r="C6" s="13">
        <v>2091</v>
      </c>
      <c r="D6" s="19">
        <v>1079</v>
      </c>
      <c r="E6" s="19">
        <v>1012</v>
      </c>
      <c r="F6" s="19"/>
      <c r="G6" s="18" t="s">
        <v>10</v>
      </c>
      <c r="H6" s="17"/>
      <c r="I6" s="13">
        <v>5683</v>
      </c>
      <c r="J6" s="19">
        <v>2681</v>
      </c>
      <c r="K6" s="19">
        <v>3002</v>
      </c>
    </row>
    <row r="7" spans="1:11" ht="15" customHeight="1">
      <c r="A7" s="17" t="s">
        <v>11</v>
      </c>
      <c r="B7" s="17"/>
      <c r="C7" s="13">
        <v>2286</v>
      </c>
      <c r="D7" s="19">
        <v>1202</v>
      </c>
      <c r="E7" s="19">
        <v>1084</v>
      </c>
      <c r="F7" s="19"/>
      <c r="G7" s="18" t="s">
        <v>12</v>
      </c>
      <c r="H7" s="17"/>
      <c r="I7" s="13">
        <v>5880</v>
      </c>
      <c r="J7" s="19">
        <v>2841</v>
      </c>
      <c r="K7" s="19">
        <v>3039</v>
      </c>
    </row>
    <row r="8" spans="1:11" ht="15" customHeight="1">
      <c r="A8" s="17" t="s">
        <v>13</v>
      </c>
      <c r="B8" s="17"/>
      <c r="C8" s="13">
        <v>2406</v>
      </c>
      <c r="D8" s="19">
        <v>1242</v>
      </c>
      <c r="E8" s="19">
        <v>1164</v>
      </c>
      <c r="F8" s="19"/>
      <c r="G8" s="18" t="s">
        <v>14</v>
      </c>
      <c r="H8" s="17"/>
      <c r="I8" s="13">
        <v>6069</v>
      </c>
      <c r="J8" s="19">
        <v>2954</v>
      </c>
      <c r="K8" s="19">
        <v>3115</v>
      </c>
    </row>
    <row r="9" spans="1:11" ht="15" customHeight="1">
      <c r="A9" s="17" t="s">
        <v>15</v>
      </c>
      <c r="B9" s="17"/>
      <c r="C9" s="13">
        <v>2490</v>
      </c>
      <c r="D9" s="19">
        <v>1282</v>
      </c>
      <c r="E9" s="19">
        <v>1208</v>
      </c>
      <c r="F9" s="19"/>
      <c r="G9" s="18" t="s">
        <v>16</v>
      </c>
      <c r="H9" s="17"/>
      <c r="I9" s="13">
        <v>4400</v>
      </c>
      <c r="J9" s="19">
        <v>2191</v>
      </c>
      <c r="K9" s="19">
        <v>2209</v>
      </c>
    </row>
    <row r="10" spans="1:11" ht="15" customHeight="1">
      <c r="A10" s="17" t="s">
        <v>17</v>
      </c>
      <c r="B10" s="17"/>
      <c r="C10" s="13">
        <v>2466</v>
      </c>
      <c r="D10" s="19">
        <v>1242</v>
      </c>
      <c r="E10" s="19">
        <v>1224</v>
      </c>
      <c r="F10" s="19"/>
      <c r="G10" s="18" t="s">
        <v>18</v>
      </c>
      <c r="H10" s="17"/>
      <c r="I10" s="13">
        <v>5723</v>
      </c>
      <c r="J10" s="19">
        <v>2831</v>
      </c>
      <c r="K10" s="19">
        <v>2892</v>
      </c>
    </row>
    <row r="11" spans="1:11" ht="20.100000000000001" customHeight="1">
      <c r="A11" s="17" t="s">
        <v>19</v>
      </c>
      <c r="B11" s="17"/>
      <c r="C11" s="13">
        <v>13413</v>
      </c>
      <c r="D11" s="14">
        <v>6874</v>
      </c>
      <c r="E11" s="14">
        <v>6539</v>
      </c>
      <c r="F11" s="14"/>
      <c r="G11" s="18" t="s">
        <v>20</v>
      </c>
      <c r="H11" s="17"/>
      <c r="I11" s="13">
        <v>22832</v>
      </c>
      <c r="J11" s="14">
        <v>11552</v>
      </c>
      <c r="K11" s="14">
        <v>11280</v>
      </c>
    </row>
    <row r="12" spans="1:11" ht="15" customHeight="1">
      <c r="A12" s="17" t="s">
        <v>21</v>
      </c>
      <c r="B12" s="17"/>
      <c r="C12" s="13">
        <v>2544</v>
      </c>
      <c r="D12" s="19">
        <v>1310</v>
      </c>
      <c r="E12" s="19">
        <v>1234</v>
      </c>
      <c r="F12" s="19"/>
      <c r="G12" s="18" t="s">
        <v>22</v>
      </c>
      <c r="H12" s="17"/>
      <c r="I12" s="13">
        <v>5170</v>
      </c>
      <c r="J12" s="19">
        <v>2623</v>
      </c>
      <c r="K12" s="19">
        <v>2547</v>
      </c>
    </row>
    <row r="13" spans="1:11" ht="15" customHeight="1">
      <c r="A13" s="17" t="s">
        <v>23</v>
      </c>
      <c r="B13" s="17"/>
      <c r="C13" s="13">
        <v>2674</v>
      </c>
      <c r="D13" s="19">
        <v>1381</v>
      </c>
      <c r="E13" s="19">
        <v>1293</v>
      </c>
      <c r="F13" s="19"/>
      <c r="G13" s="18" t="s">
        <v>24</v>
      </c>
      <c r="H13" s="17"/>
      <c r="I13" s="13">
        <v>4806</v>
      </c>
      <c r="J13" s="19">
        <v>2409</v>
      </c>
      <c r="K13" s="19">
        <v>2397</v>
      </c>
    </row>
    <row r="14" spans="1:11" ht="15" customHeight="1">
      <c r="A14" s="17" t="s">
        <v>25</v>
      </c>
      <c r="B14" s="17"/>
      <c r="C14" s="13">
        <v>2720</v>
      </c>
      <c r="D14" s="19">
        <v>1391</v>
      </c>
      <c r="E14" s="19">
        <v>1329</v>
      </c>
      <c r="F14" s="19"/>
      <c r="G14" s="18" t="s">
        <v>26</v>
      </c>
      <c r="H14" s="17"/>
      <c r="I14" s="13">
        <v>4653</v>
      </c>
      <c r="J14" s="19">
        <v>2279</v>
      </c>
      <c r="K14" s="19">
        <v>2374</v>
      </c>
    </row>
    <row r="15" spans="1:11" ht="15" customHeight="1">
      <c r="A15" s="17" t="s">
        <v>27</v>
      </c>
      <c r="B15" s="17"/>
      <c r="C15" s="13">
        <v>2667</v>
      </c>
      <c r="D15" s="19">
        <v>1369</v>
      </c>
      <c r="E15" s="19">
        <v>1298</v>
      </c>
      <c r="F15" s="19"/>
      <c r="G15" s="18" t="s">
        <v>28</v>
      </c>
      <c r="H15" s="17"/>
      <c r="I15" s="13">
        <v>4171</v>
      </c>
      <c r="J15" s="19">
        <v>2212</v>
      </c>
      <c r="K15" s="19">
        <v>1959</v>
      </c>
    </row>
    <row r="16" spans="1:11" ht="15" customHeight="1">
      <c r="A16" s="17" t="s">
        <v>29</v>
      </c>
      <c r="B16" s="17"/>
      <c r="C16" s="13">
        <v>2808</v>
      </c>
      <c r="D16" s="19">
        <v>1423</v>
      </c>
      <c r="E16" s="19">
        <v>1385</v>
      </c>
      <c r="F16" s="19"/>
      <c r="G16" s="18" t="s">
        <v>30</v>
      </c>
      <c r="H16" s="17"/>
      <c r="I16" s="13">
        <v>4032</v>
      </c>
      <c r="J16" s="19">
        <v>2029</v>
      </c>
      <c r="K16" s="19">
        <v>2003</v>
      </c>
    </row>
    <row r="17" spans="1:11" ht="20.100000000000001" customHeight="1">
      <c r="A17" s="20" t="s">
        <v>31</v>
      </c>
      <c r="B17" s="20"/>
      <c r="C17" s="13">
        <v>14248</v>
      </c>
      <c r="D17" s="14">
        <v>7249</v>
      </c>
      <c r="E17" s="14">
        <v>6999</v>
      </c>
      <c r="F17" s="14"/>
      <c r="G17" s="18" t="s">
        <v>32</v>
      </c>
      <c r="H17" s="17"/>
      <c r="I17" s="13">
        <v>17320</v>
      </c>
      <c r="J17" s="14">
        <v>8619</v>
      </c>
      <c r="K17" s="14">
        <v>8701</v>
      </c>
    </row>
    <row r="18" spans="1:11" ht="15" customHeight="1">
      <c r="A18" s="17" t="s">
        <v>33</v>
      </c>
      <c r="B18" s="17"/>
      <c r="C18" s="13">
        <v>2808</v>
      </c>
      <c r="D18" s="19">
        <v>1430</v>
      </c>
      <c r="E18" s="19">
        <v>1378</v>
      </c>
      <c r="F18" s="19"/>
      <c r="G18" s="18" t="s">
        <v>34</v>
      </c>
      <c r="H18" s="17"/>
      <c r="I18" s="13">
        <v>3799</v>
      </c>
      <c r="J18" s="19">
        <v>1947</v>
      </c>
      <c r="K18" s="19">
        <v>1852</v>
      </c>
    </row>
    <row r="19" spans="1:11" ht="15" customHeight="1">
      <c r="A19" s="17" t="s">
        <v>35</v>
      </c>
      <c r="B19" s="17"/>
      <c r="C19" s="13">
        <v>2889</v>
      </c>
      <c r="D19" s="19">
        <v>1478</v>
      </c>
      <c r="E19" s="19">
        <v>1411</v>
      </c>
      <c r="F19" s="19"/>
      <c r="G19" s="18" t="s">
        <v>36</v>
      </c>
      <c r="H19" s="17"/>
      <c r="I19" s="13">
        <v>3717</v>
      </c>
      <c r="J19" s="19">
        <v>1838</v>
      </c>
      <c r="K19" s="19">
        <v>1879</v>
      </c>
    </row>
    <row r="20" spans="1:11" ht="15" customHeight="1">
      <c r="A20" s="17" t="s">
        <v>37</v>
      </c>
      <c r="B20" s="17"/>
      <c r="C20" s="13">
        <v>2838</v>
      </c>
      <c r="D20" s="19">
        <v>1456</v>
      </c>
      <c r="E20" s="19">
        <v>1382</v>
      </c>
      <c r="F20" s="19"/>
      <c r="G20" s="18" t="s">
        <v>38</v>
      </c>
      <c r="H20" s="17"/>
      <c r="I20" s="13">
        <v>3365</v>
      </c>
      <c r="J20" s="19">
        <v>1652</v>
      </c>
      <c r="K20" s="19">
        <v>1713</v>
      </c>
    </row>
    <row r="21" spans="1:11" ht="15" customHeight="1">
      <c r="A21" s="17" t="s">
        <v>39</v>
      </c>
      <c r="B21" s="17"/>
      <c r="C21" s="13">
        <v>2819</v>
      </c>
      <c r="D21" s="19">
        <v>1443</v>
      </c>
      <c r="E21" s="19">
        <v>1376</v>
      </c>
      <c r="F21" s="19"/>
      <c r="G21" s="18" t="s">
        <v>40</v>
      </c>
      <c r="H21" s="17"/>
      <c r="I21" s="13">
        <v>3274</v>
      </c>
      <c r="J21" s="19">
        <v>1661</v>
      </c>
      <c r="K21" s="19">
        <v>1613</v>
      </c>
    </row>
    <row r="22" spans="1:11" ht="15" customHeight="1">
      <c r="A22" s="17" t="s">
        <v>41</v>
      </c>
      <c r="B22" s="17"/>
      <c r="C22" s="13">
        <v>2894</v>
      </c>
      <c r="D22" s="19">
        <v>1442</v>
      </c>
      <c r="E22" s="19">
        <v>1452</v>
      </c>
      <c r="F22" s="19"/>
      <c r="G22" s="18" t="s">
        <v>42</v>
      </c>
      <c r="H22" s="17"/>
      <c r="I22" s="13">
        <v>3165</v>
      </c>
      <c r="J22" s="19">
        <v>1521</v>
      </c>
      <c r="K22" s="19">
        <v>1644</v>
      </c>
    </row>
    <row r="23" spans="1:11" ht="20.100000000000001" customHeight="1">
      <c r="A23" s="17" t="s">
        <v>43</v>
      </c>
      <c r="B23" s="17"/>
      <c r="C23" s="13">
        <v>16682</v>
      </c>
      <c r="D23" s="14">
        <v>8570</v>
      </c>
      <c r="E23" s="14">
        <v>8112</v>
      </c>
      <c r="F23" s="14"/>
      <c r="G23" s="18" t="s">
        <v>44</v>
      </c>
      <c r="H23" s="17"/>
      <c r="I23" s="13">
        <v>16119</v>
      </c>
      <c r="J23" s="14">
        <v>7690</v>
      </c>
      <c r="K23" s="14">
        <v>8429</v>
      </c>
    </row>
    <row r="24" spans="1:11" ht="15" customHeight="1">
      <c r="A24" s="17" t="s">
        <v>45</v>
      </c>
      <c r="B24" s="17"/>
      <c r="C24" s="13">
        <v>3040</v>
      </c>
      <c r="D24" s="19">
        <v>1539</v>
      </c>
      <c r="E24" s="19">
        <v>1501</v>
      </c>
      <c r="F24" s="19"/>
      <c r="G24" s="18" t="s">
        <v>46</v>
      </c>
      <c r="H24" s="17"/>
      <c r="I24" s="13">
        <v>3048</v>
      </c>
      <c r="J24" s="19">
        <v>1467</v>
      </c>
      <c r="K24" s="19">
        <v>1581</v>
      </c>
    </row>
    <row r="25" spans="1:11" ht="15" customHeight="1">
      <c r="A25" s="17" t="s">
        <v>47</v>
      </c>
      <c r="B25" s="17"/>
      <c r="C25" s="13">
        <v>3123</v>
      </c>
      <c r="D25" s="19">
        <v>1620</v>
      </c>
      <c r="E25" s="19">
        <v>1503</v>
      </c>
      <c r="F25" s="19"/>
      <c r="G25" s="18" t="s">
        <v>48</v>
      </c>
      <c r="H25" s="17"/>
      <c r="I25" s="13">
        <v>3096</v>
      </c>
      <c r="J25" s="19">
        <v>1469</v>
      </c>
      <c r="K25" s="19">
        <v>1627</v>
      </c>
    </row>
    <row r="26" spans="1:11" ht="15" customHeight="1">
      <c r="A26" s="17" t="s">
        <v>49</v>
      </c>
      <c r="B26" s="17"/>
      <c r="C26" s="13">
        <v>3283</v>
      </c>
      <c r="D26" s="19">
        <v>1673</v>
      </c>
      <c r="E26" s="19">
        <v>1610</v>
      </c>
      <c r="F26" s="19"/>
      <c r="G26" s="18" t="s">
        <v>50</v>
      </c>
      <c r="H26" s="17"/>
      <c r="I26" s="13">
        <v>3202</v>
      </c>
      <c r="J26" s="19">
        <v>1517</v>
      </c>
      <c r="K26" s="19">
        <v>1685</v>
      </c>
    </row>
    <row r="27" spans="1:11" ht="15" customHeight="1">
      <c r="A27" s="17" t="s">
        <v>51</v>
      </c>
      <c r="B27" s="17"/>
      <c r="C27" s="13">
        <v>3406</v>
      </c>
      <c r="D27" s="19">
        <v>1820</v>
      </c>
      <c r="E27" s="19">
        <v>1586</v>
      </c>
      <c r="F27" s="19"/>
      <c r="G27" s="18" t="s">
        <v>52</v>
      </c>
      <c r="H27" s="17"/>
      <c r="I27" s="13">
        <v>3314</v>
      </c>
      <c r="J27" s="19">
        <v>1629</v>
      </c>
      <c r="K27" s="19">
        <v>1685</v>
      </c>
    </row>
    <row r="28" spans="1:11" ht="15" customHeight="1">
      <c r="A28" s="17" t="s">
        <v>53</v>
      </c>
      <c r="B28" s="17"/>
      <c r="C28" s="13">
        <v>3830</v>
      </c>
      <c r="D28" s="19">
        <v>1918</v>
      </c>
      <c r="E28" s="19">
        <v>1912</v>
      </c>
      <c r="F28" s="19"/>
      <c r="G28" s="18" t="s">
        <v>54</v>
      </c>
      <c r="H28" s="17"/>
      <c r="I28" s="13">
        <v>3459</v>
      </c>
      <c r="J28" s="19">
        <v>1608</v>
      </c>
      <c r="K28" s="19">
        <v>1851</v>
      </c>
    </row>
    <row r="29" spans="1:11" ht="20.100000000000001" customHeight="1">
      <c r="A29" s="17" t="s">
        <v>55</v>
      </c>
      <c r="B29" s="17"/>
      <c r="C29" s="13">
        <v>20499</v>
      </c>
      <c r="D29" s="14">
        <v>10395</v>
      </c>
      <c r="E29" s="14">
        <v>10104</v>
      </c>
      <c r="F29" s="14"/>
      <c r="G29" s="18" t="s">
        <v>56</v>
      </c>
      <c r="H29" s="17"/>
      <c r="I29" s="13">
        <v>17459</v>
      </c>
      <c r="J29" s="14">
        <v>8166</v>
      </c>
      <c r="K29" s="14">
        <v>9293</v>
      </c>
    </row>
    <row r="30" spans="1:11" ht="15" customHeight="1">
      <c r="A30" s="17" t="s">
        <v>57</v>
      </c>
      <c r="B30" s="17"/>
      <c r="C30" s="13">
        <v>3802</v>
      </c>
      <c r="D30" s="19">
        <v>1943</v>
      </c>
      <c r="E30" s="19">
        <v>1859</v>
      </c>
      <c r="F30" s="19"/>
      <c r="G30" s="18" t="s">
        <v>58</v>
      </c>
      <c r="H30" s="17"/>
      <c r="I30" s="13">
        <v>4174</v>
      </c>
      <c r="J30" s="19">
        <v>1910</v>
      </c>
      <c r="K30" s="19">
        <v>2264</v>
      </c>
    </row>
    <row r="31" spans="1:11" ht="15" customHeight="1">
      <c r="A31" s="17" t="s">
        <v>59</v>
      </c>
      <c r="B31" s="17"/>
      <c r="C31" s="13">
        <v>4095</v>
      </c>
      <c r="D31" s="19">
        <v>2133</v>
      </c>
      <c r="E31" s="19">
        <v>1962</v>
      </c>
      <c r="F31" s="19"/>
      <c r="G31" s="18" t="s">
        <v>60</v>
      </c>
      <c r="H31" s="17"/>
      <c r="I31" s="13">
        <v>4014</v>
      </c>
      <c r="J31" s="19">
        <v>1871</v>
      </c>
      <c r="K31" s="19">
        <v>2143</v>
      </c>
    </row>
    <row r="32" spans="1:11" ht="15" customHeight="1">
      <c r="A32" s="17" t="s">
        <v>61</v>
      </c>
      <c r="B32" s="17"/>
      <c r="C32" s="13">
        <v>4059</v>
      </c>
      <c r="D32" s="19">
        <v>2050</v>
      </c>
      <c r="E32" s="19">
        <v>2009</v>
      </c>
      <c r="F32" s="19"/>
      <c r="G32" s="18" t="s">
        <v>62</v>
      </c>
      <c r="H32" s="17"/>
      <c r="I32" s="13">
        <v>3977</v>
      </c>
      <c r="J32" s="19">
        <v>1919</v>
      </c>
      <c r="K32" s="19">
        <v>2058</v>
      </c>
    </row>
    <row r="33" spans="1:11" ht="15" customHeight="1">
      <c r="A33" s="17" t="s">
        <v>63</v>
      </c>
      <c r="B33" s="17"/>
      <c r="C33" s="13">
        <v>4474</v>
      </c>
      <c r="D33" s="19">
        <v>2278</v>
      </c>
      <c r="E33" s="19">
        <v>2196</v>
      </c>
      <c r="F33" s="19"/>
      <c r="G33" s="18" t="s">
        <v>64</v>
      </c>
      <c r="H33" s="17"/>
      <c r="I33" s="13">
        <v>2821</v>
      </c>
      <c r="J33" s="19">
        <v>1325</v>
      </c>
      <c r="K33" s="19">
        <v>1496</v>
      </c>
    </row>
    <row r="34" spans="1:11" ht="15" customHeight="1">
      <c r="A34" s="17" t="s">
        <v>65</v>
      </c>
      <c r="B34" s="17"/>
      <c r="C34" s="13">
        <v>4069</v>
      </c>
      <c r="D34" s="19">
        <v>1991</v>
      </c>
      <c r="E34" s="19">
        <v>2078</v>
      </c>
      <c r="F34" s="19"/>
      <c r="G34" s="18" t="s">
        <v>66</v>
      </c>
      <c r="H34" s="17"/>
      <c r="I34" s="13">
        <v>2473</v>
      </c>
      <c r="J34" s="19">
        <v>1141</v>
      </c>
      <c r="K34" s="19">
        <v>1332</v>
      </c>
    </row>
    <row r="35" spans="1:11" ht="20.100000000000001" customHeight="1">
      <c r="A35" s="17" t="s">
        <v>67</v>
      </c>
      <c r="B35" s="17"/>
      <c r="C35" s="13">
        <v>15601</v>
      </c>
      <c r="D35" s="14">
        <v>7683</v>
      </c>
      <c r="E35" s="14">
        <v>7918</v>
      </c>
      <c r="F35" s="14"/>
      <c r="G35" s="18" t="s">
        <v>68</v>
      </c>
      <c r="H35" s="17"/>
      <c r="I35" s="13">
        <v>13792</v>
      </c>
      <c r="J35" s="14">
        <v>6426</v>
      </c>
      <c r="K35" s="14">
        <v>7366</v>
      </c>
    </row>
    <row r="36" spans="1:11" ht="15" customHeight="1">
      <c r="A36" s="17" t="s">
        <v>69</v>
      </c>
      <c r="B36" s="17"/>
      <c r="C36" s="13">
        <v>3867</v>
      </c>
      <c r="D36" s="19">
        <v>1938</v>
      </c>
      <c r="E36" s="19">
        <v>1929</v>
      </c>
      <c r="F36" s="19"/>
      <c r="G36" s="18" t="s">
        <v>70</v>
      </c>
      <c r="H36" s="17"/>
      <c r="I36" s="13">
        <v>2919</v>
      </c>
      <c r="J36" s="19">
        <v>1391</v>
      </c>
      <c r="K36" s="19">
        <v>1528</v>
      </c>
    </row>
    <row r="37" spans="1:11" ht="15" customHeight="1">
      <c r="A37" s="17" t="s">
        <v>71</v>
      </c>
      <c r="B37" s="17"/>
      <c r="C37" s="13">
        <v>3168</v>
      </c>
      <c r="D37" s="19">
        <v>1573</v>
      </c>
      <c r="E37" s="19">
        <v>1595</v>
      </c>
      <c r="F37" s="19"/>
      <c r="G37" s="18" t="s">
        <v>72</v>
      </c>
      <c r="H37" s="17"/>
      <c r="I37" s="13">
        <v>2945</v>
      </c>
      <c r="J37" s="19">
        <v>1385</v>
      </c>
      <c r="K37" s="19">
        <v>1560</v>
      </c>
    </row>
    <row r="38" spans="1:11" ht="15" customHeight="1">
      <c r="A38" s="17" t="s">
        <v>73</v>
      </c>
      <c r="B38" s="17"/>
      <c r="C38" s="13">
        <v>2933</v>
      </c>
      <c r="D38" s="19">
        <v>1413</v>
      </c>
      <c r="E38" s="19">
        <v>1520</v>
      </c>
      <c r="F38" s="19"/>
      <c r="G38" s="18" t="s">
        <v>74</v>
      </c>
      <c r="H38" s="17"/>
      <c r="I38" s="13">
        <v>2851</v>
      </c>
      <c r="J38" s="19">
        <v>1323</v>
      </c>
      <c r="K38" s="19">
        <v>1528</v>
      </c>
    </row>
    <row r="39" spans="1:11" ht="15" customHeight="1">
      <c r="A39" s="17" t="s">
        <v>75</v>
      </c>
      <c r="B39" s="17"/>
      <c r="C39" s="13">
        <v>2898</v>
      </c>
      <c r="D39" s="19">
        <v>1427</v>
      </c>
      <c r="E39" s="19">
        <v>1471</v>
      </c>
      <c r="F39" s="19"/>
      <c r="G39" s="18" t="s">
        <v>76</v>
      </c>
      <c r="H39" s="17"/>
      <c r="I39" s="13">
        <v>2676</v>
      </c>
      <c r="J39" s="19">
        <v>1212</v>
      </c>
      <c r="K39" s="19">
        <v>1464</v>
      </c>
    </row>
    <row r="40" spans="1:11" ht="15" customHeight="1">
      <c r="A40" s="17" t="s">
        <v>77</v>
      </c>
      <c r="B40" s="17"/>
      <c r="C40" s="13">
        <v>2735</v>
      </c>
      <c r="D40" s="19">
        <v>1332</v>
      </c>
      <c r="E40" s="19">
        <v>1403</v>
      </c>
      <c r="F40" s="19"/>
      <c r="G40" s="18" t="s">
        <v>78</v>
      </c>
      <c r="H40" s="17"/>
      <c r="I40" s="13">
        <v>2401</v>
      </c>
      <c r="J40" s="19">
        <v>1115</v>
      </c>
      <c r="K40" s="19">
        <v>1286</v>
      </c>
    </row>
    <row r="41" spans="1:11" ht="20.100000000000001" customHeight="1">
      <c r="A41" s="17" t="s">
        <v>79</v>
      </c>
      <c r="B41" s="17"/>
      <c r="C41" s="13">
        <v>15097</v>
      </c>
      <c r="D41" s="14">
        <v>7363</v>
      </c>
      <c r="E41" s="14">
        <v>7734</v>
      </c>
      <c r="F41" s="14"/>
      <c r="G41" s="18" t="s">
        <v>80</v>
      </c>
      <c r="H41" s="17"/>
      <c r="I41" s="13">
        <v>9627</v>
      </c>
      <c r="J41" s="14">
        <v>4272</v>
      </c>
      <c r="K41" s="14">
        <v>5355</v>
      </c>
    </row>
    <row r="42" spans="1:11" ht="15" customHeight="1">
      <c r="A42" s="17" t="s">
        <v>81</v>
      </c>
      <c r="B42" s="17"/>
      <c r="C42" s="13">
        <v>2687</v>
      </c>
      <c r="D42" s="19">
        <v>1300</v>
      </c>
      <c r="E42" s="19">
        <v>1387</v>
      </c>
      <c r="F42" s="19"/>
      <c r="G42" s="18" t="s">
        <v>82</v>
      </c>
      <c r="H42" s="17"/>
      <c r="I42" s="13">
        <v>2067</v>
      </c>
      <c r="J42" s="19">
        <v>956</v>
      </c>
      <c r="K42" s="19">
        <v>1111</v>
      </c>
    </row>
    <row r="43" spans="1:11" ht="15" customHeight="1">
      <c r="A43" s="17" t="s">
        <v>83</v>
      </c>
      <c r="B43" s="17"/>
      <c r="C43" s="13">
        <v>3040</v>
      </c>
      <c r="D43" s="19">
        <v>1513</v>
      </c>
      <c r="E43" s="19">
        <v>1527</v>
      </c>
      <c r="F43" s="19"/>
      <c r="G43" s="18" t="s">
        <v>84</v>
      </c>
      <c r="H43" s="17"/>
      <c r="I43" s="13">
        <v>1959</v>
      </c>
      <c r="J43" s="19">
        <v>892</v>
      </c>
      <c r="K43" s="19">
        <v>1067</v>
      </c>
    </row>
    <row r="44" spans="1:11" ht="15" customHeight="1">
      <c r="A44" s="17" t="s">
        <v>85</v>
      </c>
      <c r="B44" s="17"/>
      <c r="C44" s="13">
        <v>2928</v>
      </c>
      <c r="D44" s="19">
        <v>1425</v>
      </c>
      <c r="E44" s="19">
        <v>1503</v>
      </c>
      <c r="F44" s="19"/>
      <c r="G44" s="18" t="s">
        <v>86</v>
      </c>
      <c r="H44" s="17"/>
      <c r="I44" s="13">
        <v>1993</v>
      </c>
      <c r="J44" s="19">
        <v>851</v>
      </c>
      <c r="K44" s="19">
        <v>1142</v>
      </c>
    </row>
    <row r="45" spans="1:11" ht="15" customHeight="1">
      <c r="A45" s="17" t="s">
        <v>87</v>
      </c>
      <c r="B45" s="17"/>
      <c r="C45" s="13">
        <v>3155</v>
      </c>
      <c r="D45" s="19">
        <v>1553</v>
      </c>
      <c r="E45" s="19">
        <v>1602</v>
      </c>
      <c r="F45" s="19"/>
      <c r="G45" s="18" t="s">
        <v>88</v>
      </c>
      <c r="H45" s="17"/>
      <c r="I45" s="13">
        <v>1851</v>
      </c>
      <c r="J45" s="19">
        <v>789</v>
      </c>
      <c r="K45" s="19">
        <v>1062</v>
      </c>
    </row>
    <row r="46" spans="1:11" ht="15" customHeight="1">
      <c r="A46" s="17" t="s">
        <v>89</v>
      </c>
      <c r="B46" s="17"/>
      <c r="C46" s="13">
        <v>3287</v>
      </c>
      <c r="D46" s="19">
        <v>1572</v>
      </c>
      <c r="E46" s="19">
        <v>1715</v>
      </c>
      <c r="F46" s="19"/>
      <c r="G46" s="18" t="s">
        <v>90</v>
      </c>
      <c r="H46" s="17"/>
      <c r="I46" s="13">
        <v>1757</v>
      </c>
      <c r="J46" s="19">
        <v>784</v>
      </c>
      <c r="K46" s="19">
        <v>973</v>
      </c>
    </row>
    <row r="47" spans="1:11" ht="20.100000000000001" customHeight="1">
      <c r="A47" s="17" t="s">
        <v>91</v>
      </c>
      <c r="B47" s="17"/>
      <c r="C47" s="13">
        <v>17572</v>
      </c>
      <c r="D47" s="14">
        <v>8549</v>
      </c>
      <c r="E47" s="14">
        <v>9023</v>
      </c>
      <c r="F47" s="14"/>
      <c r="G47" s="18" t="s">
        <v>92</v>
      </c>
      <c r="H47" s="17"/>
      <c r="I47" s="13">
        <v>6360</v>
      </c>
      <c r="J47" s="14">
        <v>2460</v>
      </c>
      <c r="K47" s="14">
        <v>3900</v>
      </c>
    </row>
    <row r="48" spans="1:11" ht="15" customHeight="1">
      <c r="A48" s="17" t="s">
        <v>93</v>
      </c>
      <c r="B48" s="17"/>
      <c r="C48" s="13">
        <v>3315</v>
      </c>
      <c r="D48" s="19">
        <v>1631</v>
      </c>
      <c r="E48" s="19">
        <v>1684</v>
      </c>
      <c r="F48" s="19"/>
      <c r="G48" s="18" t="s">
        <v>94</v>
      </c>
      <c r="H48" s="17"/>
      <c r="I48" s="13">
        <v>1507</v>
      </c>
      <c r="J48" s="19">
        <v>632</v>
      </c>
      <c r="K48" s="19">
        <v>875</v>
      </c>
    </row>
    <row r="49" spans="1:11" ht="15" customHeight="1">
      <c r="A49" s="17" t="s">
        <v>95</v>
      </c>
      <c r="B49" s="17"/>
      <c r="C49" s="13">
        <v>3416</v>
      </c>
      <c r="D49" s="19">
        <v>1697</v>
      </c>
      <c r="E49" s="19">
        <v>1719</v>
      </c>
      <c r="F49" s="19"/>
      <c r="G49" s="18" t="s">
        <v>96</v>
      </c>
      <c r="H49" s="17"/>
      <c r="I49" s="13">
        <v>1404</v>
      </c>
      <c r="J49" s="19">
        <v>551</v>
      </c>
      <c r="K49" s="19">
        <v>853</v>
      </c>
    </row>
    <row r="50" spans="1:11" ht="15" customHeight="1">
      <c r="A50" s="17" t="s">
        <v>97</v>
      </c>
      <c r="B50" s="17"/>
      <c r="C50" s="13">
        <v>3526</v>
      </c>
      <c r="D50" s="19">
        <v>1682</v>
      </c>
      <c r="E50" s="19">
        <v>1844</v>
      </c>
      <c r="F50" s="19"/>
      <c r="G50" s="18" t="s">
        <v>98</v>
      </c>
      <c r="H50" s="17"/>
      <c r="I50" s="13">
        <v>1338</v>
      </c>
      <c r="J50" s="19">
        <v>510</v>
      </c>
      <c r="K50" s="19">
        <v>828</v>
      </c>
    </row>
    <row r="51" spans="1:11" ht="15" customHeight="1">
      <c r="A51" s="17" t="s">
        <v>99</v>
      </c>
      <c r="B51" s="17"/>
      <c r="C51" s="13">
        <v>3589</v>
      </c>
      <c r="D51" s="19">
        <v>1750</v>
      </c>
      <c r="E51" s="19">
        <v>1839</v>
      </c>
      <c r="F51" s="19"/>
      <c r="G51" s="18" t="s">
        <v>100</v>
      </c>
      <c r="H51" s="17"/>
      <c r="I51" s="13">
        <v>1123</v>
      </c>
      <c r="J51" s="19">
        <v>416</v>
      </c>
      <c r="K51" s="19">
        <v>707</v>
      </c>
    </row>
    <row r="52" spans="1:11" ht="15" customHeight="1">
      <c r="A52" s="17" t="s">
        <v>101</v>
      </c>
      <c r="B52" s="17"/>
      <c r="C52" s="13">
        <v>3726</v>
      </c>
      <c r="D52" s="19">
        <v>1789</v>
      </c>
      <c r="E52" s="19">
        <v>1937</v>
      </c>
      <c r="F52" s="19"/>
      <c r="G52" s="18" t="s">
        <v>102</v>
      </c>
      <c r="H52" s="17"/>
      <c r="I52" s="13">
        <v>988</v>
      </c>
      <c r="J52" s="19">
        <v>351</v>
      </c>
      <c r="K52" s="19">
        <v>637</v>
      </c>
    </row>
    <row r="53" spans="1:11" ht="20.100000000000001" customHeight="1">
      <c r="A53" s="17" t="s">
        <v>103</v>
      </c>
      <c r="B53" s="17"/>
      <c r="C53" s="13">
        <v>21589</v>
      </c>
      <c r="D53" s="14">
        <v>10465</v>
      </c>
      <c r="E53" s="14">
        <v>11124</v>
      </c>
      <c r="F53" s="14"/>
      <c r="G53" s="18" t="s">
        <v>104</v>
      </c>
      <c r="H53" s="17"/>
      <c r="I53" s="13">
        <v>3203</v>
      </c>
      <c r="J53" s="14">
        <v>896</v>
      </c>
      <c r="K53" s="14">
        <v>2307</v>
      </c>
    </row>
    <row r="54" spans="1:11" ht="15" customHeight="1">
      <c r="A54" s="17" t="s">
        <v>105</v>
      </c>
      <c r="B54" s="17"/>
      <c r="C54" s="13">
        <v>4038</v>
      </c>
      <c r="D54" s="19">
        <v>1905</v>
      </c>
      <c r="E54" s="19">
        <v>2133</v>
      </c>
      <c r="F54" s="19"/>
      <c r="G54" s="18" t="s">
        <v>106</v>
      </c>
      <c r="H54" s="17"/>
      <c r="I54" s="13">
        <v>768</v>
      </c>
      <c r="J54" s="19">
        <v>249</v>
      </c>
      <c r="K54" s="19">
        <v>519</v>
      </c>
    </row>
    <row r="55" spans="1:11" ht="15" customHeight="1">
      <c r="A55" s="17" t="s">
        <v>107</v>
      </c>
      <c r="B55" s="17"/>
      <c r="C55" s="13">
        <v>4098</v>
      </c>
      <c r="D55" s="19">
        <v>2030</v>
      </c>
      <c r="E55" s="19">
        <v>2068</v>
      </c>
      <c r="F55" s="19"/>
      <c r="G55" s="18" t="s">
        <v>108</v>
      </c>
      <c r="H55" s="17"/>
      <c r="I55" s="13">
        <v>806</v>
      </c>
      <c r="J55" s="19">
        <v>241</v>
      </c>
      <c r="K55" s="19">
        <v>565</v>
      </c>
    </row>
    <row r="56" spans="1:11" ht="15" customHeight="1">
      <c r="A56" s="17" t="s">
        <v>109</v>
      </c>
      <c r="B56" s="17"/>
      <c r="C56" s="13">
        <v>4277</v>
      </c>
      <c r="D56" s="19">
        <v>2046</v>
      </c>
      <c r="E56" s="19">
        <v>2231</v>
      </c>
      <c r="F56" s="19"/>
      <c r="G56" s="18" t="s">
        <v>110</v>
      </c>
      <c r="H56" s="17"/>
      <c r="I56" s="13">
        <v>618</v>
      </c>
      <c r="J56" s="19">
        <v>166</v>
      </c>
      <c r="K56" s="19">
        <v>452</v>
      </c>
    </row>
    <row r="57" spans="1:11" ht="15" customHeight="1">
      <c r="A57" s="17" t="s">
        <v>111</v>
      </c>
      <c r="B57" s="17"/>
      <c r="C57" s="13">
        <v>4510</v>
      </c>
      <c r="D57" s="19">
        <v>2197</v>
      </c>
      <c r="E57" s="19">
        <v>2313</v>
      </c>
      <c r="F57" s="19"/>
      <c r="G57" s="18" t="s">
        <v>112</v>
      </c>
      <c r="H57" s="17"/>
      <c r="I57" s="13">
        <v>550</v>
      </c>
      <c r="J57" s="19">
        <v>145</v>
      </c>
      <c r="K57" s="19">
        <v>405</v>
      </c>
    </row>
    <row r="58" spans="1:11" ht="15" customHeight="1">
      <c r="A58" s="17" t="s">
        <v>113</v>
      </c>
      <c r="B58" s="17"/>
      <c r="C58" s="13">
        <v>4666</v>
      </c>
      <c r="D58" s="19">
        <v>2287</v>
      </c>
      <c r="E58" s="19">
        <v>2379</v>
      </c>
      <c r="F58" s="19"/>
      <c r="G58" s="18" t="s">
        <v>114</v>
      </c>
      <c r="H58" s="17"/>
      <c r="I58" s="13">
        <v>461</v>
      </c>
      <c r="J58" s="19">
        <v>95</v>
      </c>
      <c r="K58" s="19">
        <v>366</v>
      </c>
    </row>
    <row r="59" spans="1:11" ht="20.100000000000001" customHeight="1">
      <c r="A59" s="17" t="s">
        <v>115</v>
      </c>
      <c r="B59" s="17"/>
      <c r="C59" s="13">
        <v>26856</v>
      </c>
      <c r="D59" s="14">
        <v>12605</v>
      </c>
      <c r="E59" s="14">
        <v>14251</v>
      </c>
      <c r="F59" s="14"/>
      <c r="G59" s="18" t="s">
        <v>116</v>
      </c>
      <c r="H59" s="17"/>
      <c r="I59" s="13">
        <v>1001</v>
      </c>
      <c r="J59" s="14">
        <v>206</v>
      </c>
      <c r="K59" s="14">
        <v>795</v>
      </c>
    </row>
    <row r="60" spans="1:11" ht="15" customHeight="1">
      <c r="A60" s="17" t="s">
        <v>117</v>
      </c>
      <c r="B60" s="17"/>
      <c r="C60" s="13">
        <v>4993</v>
      </c>
      <c r="D60" s="19">
        <v>2365</v>
      </c>
      <c r="E60" s="19">
        <v>2628</v>
      </c>
      <c r="F60" s="19"/>
      <c r="G60" s="18" t="s">
        <v>118</v>
      </c>
      <c r="H60" s="17"/>
      <c r="I60" s="13">
        <v>348</v>
      </c>
      <c r="J60" s="19">
        <v>71</v>
      </c>
      <c r="K60" s="19">
        <v>277</v>
      </c>
    </row>
    <row r="61" spans="1:11" ht="15" customHeight="1">
      <c r="A61" s="17" t="s">
        <v>119</v>
      </c>
      <c r="B61" s="17"/>
      <c r="C61" s="13">
        <v>5454</v>
      </c>
      <c r="D61" s="19">
        <v>2599</v>
      </c>
      <c r="E61" s="19">
        <v>2855</v>
      </c>
      <c r="F61" s="19"/>
      <c r="G61" s="18" t="s">
        <v>120</v>
      </c>
      <c r="H61" s="17"/>
      <c r="I61" s="13">
        <v>227</v>
      </c>
      <c r="J61" s="19">
        <v>57</v>
      </c>
      <c r="K61" s="19">
        <v>170</v>
      </c>
    </row>
    <row r="62" spans="1:11" ht="15" customHeight="1">
      <c r="A62" s="17" t="s">
        <v>121</v>
      </c>
      <c r="B62" s="17"/>
      <c r="C62" s="13">
        <v>5343</v>
      </c>
      <c r="D62" s="19">
        <v>2499</v>
      </c>
      <c r="E62" s="19">
        <v>2844</v>
      </c>
      <c r="F62" s="19"/>
      <c r="G62" s="18" t="s">
        <v>122</v>
      </c>
      <c r="H62" s="17"/>
      <c r="I62" s="13">
        <v>157</v>
      </c>
      <c r="J62" s="19">
        <v>30</v>
      </c>
      <c r="K62" s="19">
        <v>127</v>
      </c>
    </row>
    <row r="63" spans="1:11" ht="15" customHeight="1">
      <c r="A63" s="17" t="s">
        <v>123</v>
      </c>
      <c r="B63" s="17"/>
      <c r="C63" s="13">
        <v>5354</v>
      </c>
      <c r="D63" s="19">
        <v>2506</v>
      </c>
      <c r="E63" s="19">
        <v>2848</v>
      </c>
      <c r="F63" s="19"/>
      <c r="G63" s="18" t="s">
        <v>124</v>
      </c>
      <c r="H63" s="17"/>
      <c r="I63" s="13">
        <v>145</v>
      </c>
      <c r="J63" s="19">
        <v>29</v>
      </c>
      <c r="K63" s="19">
        <v>116</v>
      </c>
    </row>
    <row r="64" spans="1:11" ht="15" customHeight="1">
      <c r="A64" s="17" t="s">
        <v>125</v>
      </c>
      <c r="B64" s="17"/>
      <c r="C64" s="13">
        <v>5712</v>
      </c>
      <c r="D64" s="19">
        <v>2636</v>
      </c>
      <c r="E64" s="19">
        <v>3076</v>
      </c>
      <c r="F64" s="19"/>
      <c r="G64" s="18" t="s">
        <v>126</v>
      </c>
      <c r="H64" s="17"/>
      <c r="I64" s="13">
        <v>124</v>
      </c>
      <c r="J64" s="19">
        <v>19</v>
      </c>
      <c r="K64" s="19">
        <v>10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18</v>
      </c>
      <c r="J65" s="19">
        <v>38</v>
      </c>
      <c r="K65" s="19">
        <v>18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05</v>
      </c>
      <c r="J66" s="29">
        <v>911</v>
      </c>
      <c r="K66" s="29">
        <v>49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3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749929</v>
      </c>
      <c r="D4" s="14">
        <v>1862571</v>
      </c>
      <c r="E4" s="14">
        <v>188735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41185</v>
      </c>
      <c r="D5" s="14">
        <v>72256</v>
      </c>
      <c r="E5" s="14">
        <v>68929</v>
      </c>
      <c r="F5" s="14"/>
      <c r="G5" s="18" t="s">
        <v>8</v>
      </c>
      <c r="H5" s="17"/>
      <c r="I5" s="13">
        <v>296764</v>
      </c>
      <c r="J5" s="14">
        <v>153309</v>
      </c>
      <c r="K5" s="14">
        <v>143455</v>
      </c>
    </row>
    <row r="6" spans="1:11" ht="15" customHeight="1">
      <c r="A6" s="17" t="s">
        <v>9</v>
      </c>
      <c r="B6" s="17"/>
      <c r="C6" s="13">
        <v>26419</v>
      </c>
      <c r="D6" s="19">
        <v>13529</v>
      </c>
      <c r="E6" s="19">
        <v>12890</v>
      </c>
      <c r="F6" s="19"/>
      <c r="G6" s="18" t="s">
        <v>10</v>
      </c>
      <c r="H6" s="17"/>
      <c r="I6" s="13">
        <v>63694</v>
      </c>
      <c r="J6" s="19">
        <v>32696</v>
      </c>
      <c r="K6" s="19">
        <v>30998</v>
      </c>
    </row>
    <row r="7" spans="1:11" ht="15" customHeight="1">
      <c r="A7" s="17" t="s">
        <v>11</v>
      </c>
      <c r="B7" s="17"/>
      <c r="C7" s="13">
        <v>28126</v>
      </c>
      <c r="D7" s="19">
        <v>14417</v>
      </c>
      <c r="E7" s="19">
        <v>13709</v>
      </c>
      <c r="F7" s="19"/>
      <c r="G7" s="18" t="s">
        <v>12</v>
      </c>
      <c r="H7" s="17"/>
      <c r="I7" s="13">
        <v>63027</v>
      </c>
      <c r="J7" s="19">
        <v>32517</v>
      </c>
      <c r="K7" s="19">
        <v>30510</v>
      </c>
    </row>
    <row r="8" spans="1:11" ht="15" customHeight="1">
      <c r="A8" s="17" t="s">
        <v>13</v>
      </c>
      <c r="B8" s="17"/>
      <c r="C8" s="13">
        <v>28680</v>
      </c>
      <c r="D8" s="19">
        <v>14680</v>
      </c>
      <c r="E8" s="19">
        <v>14000</v>
      </c>
      <c r="F8" s="19"/>
      <c r="G8" s="18" t="s">
        <v>14</v>
      </c>
      <c r="H8" s="17"/>
      <c r="I8" s="13">
        <v>64725</v>
      </c>
      <c r="J8" s="19">
        <v>33406</v>
      </c>
      <c r="K8" s="19">
        <v>31319</v>
      </c>
    </row>
    <row r="9" spans="1:11" ht="15" customHeight="1">
      <c r="A9" s="17" t="s">
        <v>15</v>
      </c>
      <c r="B9" s="17"/>
      <c r="C9" s="13">
        <v>29387</v>
      </c>
      <c r="D9" s="19">
        <v>15051</v>
      </c>
      <c r="E9" s="19">
        <v>14336</v>
      </c>
      <c r="F9" s="19"/>
      <c r="G9" s="18" t="s">
        <v>16</v>
      </c>
      <c r="H9" s="17"/>
      <c r="I9" s="13">
        <v>46161</v>
      </c>
      <c r="J9" s="19">
        <v>23859</v>
      </c>
      <c r="K9" s="19">
        <v>22302</v>
      </c>
    </row>
    <row r="10" spans="1:11" ht="15" customHeight="1">
      <c r="A10" s="17" t="s">
        <v>17</v>
      </c>
      <c r="B10" s="17"/>
      <c r="C10" s="13">
        <v>28573</v>
      </c>
      <c r="D10" s="19">
        <v>14579</v>
      </c>
      <c r="E10" s="19">
        <v>13994</v>
      </c>
      <c r="F10" s="19"/>
      <c r="G10" s="18" t="s">
        <v>18</v>
      </c>
      <c r="H10" s="17"/>
      <c r="I10" s="13">
        <v>59157</v>
      </c>
      <c r="J10" s="19">
        <v>30831</v>
      </c>
      <c r="K10" s="19">
        <v>28326</v>
      </c>
    </row>
    <row r="11" spans="1:11" ht="20.100000000000001" customHeight="1">
      <c r="A11" s="17" t="s">
        <v>19</v>
      </c>
      <c r="B11" s="17"/>
      <c r="C11" s="13">
        <v>149862</v>
      </c>
      <c r="D11" s="14">
        <v>76677</v>
      </c>
      <c r="E11" s="14">
        <v>73185</v>
      </c>
      <c r="F11" s="14"/>
      <c r="G11" s="18" t="s">
        <v>20</v>
      </c>
      <c r="H11" s="17"/>
      <c r="I11" s="13">
        <v>242221</v>
      </c>
      <c r="J11" s="14">
        <v>125268</v>
      </c>
      <c r="K11" s="14">
        <v>116953</v>
      </c>
    </row>
    <row r="12" spans="1:11" ht="15" customHeight="1">
      <c r="A12" s="17" t="s">
        <v>21</v>
      </c>
      <c r="B12" s="17"/>
      <c r="C12" s="13">
        <v>29112</v>
      </c>
      <c r="D12" s="19">
        <v>14913</v>
      </c>
      <c r="E12" s="19">
        <v>14199</v>
      </c>
      <c r="F12" s="19"/>
      <c r="G12" s="18" t="s">
        <v>22</v>
      </c>
      <c r="H12" s="17"/>
      <c r="I12" s="13">
        <v>54099</v>
      </c>
      <c r="J12" s="19">
        <v>28146</v>
      </c>
      <c r="K12" s="19">
        <v>25953</v>
      </c>
    </row>
    <row r="13" spans="1:11" ht="15" customHeight="1">
      <c r="A13" s="17" t="s">
        <v>23</v>
      </c>
      <c r="B13" s="17"/>
      <c r="C13" s="13">
        <v>29606</v>
      </c>
      <c r="D13" s="19">
        <v>15221</v>
      </c>
      <c r="E13" s="19">
        <v>14385</v>
      </c>
      <c r="F13" s="19"/>
      <c r="G13" s="18" t="s">
        <v>24</v>
      </c>
      <c r="H13" s="17"/>
      <c r="I13" s="13">
        <v>50844</v>
      </c>
      <c r="J13" s="19">
        <v>26500</v>
      </c>
      <c r="K13" s="19">
        <v>24344</v>
      </c>
    </row>
    <row r="14" spans="1:11" ht="15" customHeight="1">
      <c r="A14" s="17" t="s">
        <v>25</v>
      </c>
      <c r="B14" s="17"/>
      <c r="C14" s="13">
        <v>30162</v>
      </c>
      <c r="D14" s="19">
        <v>15394</v>
      </c>
      <c r="E14" s="19">
        <v>14768</v>
      </c>
      <c r="F14" s="19"/>
      <c r="G14" s="18" t="s">
        <v>26</v>
      </c>
      <c r="H14" s="17"/>
      <c r="I14" s="13">
        <v>47939</v>
      </c>
      <c r="J14" s="19">
        <v>24637</v>
      </c>
      <c r="K14" s="19">
        <v>23302</v>
      </c>
    </row>
    <row r="15" spans="1:11" ht="15" customHeight="1">
      <c r="A15" s="17" t="s">
        <v>27</v>
      </c>
      <c r="B15" s="17"/>
      <c r="C15" s="13">
        <v>30104</v>
      </c>
      <c r="D15" s="19">
        <v>15439</v>
      </c>
      <c r="E15" s="19">
        <v>14665</v>
      </c>
      <c r="F15" s="19"/>
      <c r="G15" s="18" t="s">
        <v>28</v>
      </c>
      <c r="H15" s="17"/>
      <c r="I15" s="13">
        <v>45328</v>
      </c>
      <c r="J15" s="19">
        <v>23539</v>
      </c>
      <c r="K15" s="19">
        <v>21789</v>
      </c>
    </row>
    <row r="16" spans="1:11" ht="15" customHeight="1">
      <c r="A16" s="17" t="s">
        <v>29</v>
      </c>
      <c r="B16" s="17"/>
      <c r="C16" s="13">
        <v>30878</v>
      </c>
      <c r="D16" s="19">
        <v>15710</v>
      </c>
      <c r="E16" s="19">
        <v>15168</v>
      </c>
      <c r="F16" s="19"/>
      <c r="G16" s="18" t="s">
        <v>30</v>
      </c>
      <c r="H16" s="17"/>
      <c r="I16" s="13">
        <v>44011</v>
      </c>
      <c r="J16" s="19">
        <v>22446</v>
      </c>
      <c r="K16" s="19">
        <v>21565</v>
      </c>
    </row>
    <row r="17" spans="1:11" ht="20.100000000000001" customHeight="1">
      <c r="A17" s="20" t="s">
        <v>31</v>
      </c>
      <c r="B17" s="20"/>
      <c r="C17" s="13">
        <v>155826</v>
      </c>
      <c r="D17" s="14">
        <v>79950</v>
      </c>
      <c r="E17" s="14">
        <v>75876</v>
      </c>
      <c r="F17" s="14"/>
      <c r="G17" s="18" t="s">
        <v>32</v>
      </c>
      <c r="H17" s="17"/>
      <c r="I17" s="13">
        <v>199356</v>
      </c>
      <c r="J17" s="14">
        <v>101207</v>
      </c>
      <c r="K17" s="14">
        <v>98149</v>
      </c>
    </row>
    <row r="18" spans="1:11" ht="15" customHeight="1">
      <c r="A18" s="17" t="s">
        <v>33</v>
      </c>
      <c r="B18" s="17"/>
      <c r="C18" s="13">
        <v>31060</v>
      </c>
      <c r="D18" s="19">
        <v>15800</v>
      </c>
      <c r="E18" s="19">
        <v>15260</v>
      </c>
      <c r="F18" s="19"/>
      <c r="G18" s="18" t="s">
        <v>34</v>
      </c>
      <c r="H18" s="17"/>
      <c r="I18" s="13">
        <v>41976</v>
      </c>
      <c r="J18" s="19">
        <v>21691</v>
      </c>
      <c r="K18" s="19">
        <v>20285</v>
      </c>
    </row>
    <row r="19" spans="1:11" ht="15" customHeight="1">
      <c r="A19" s="17" t="s">
        <v>35</v>
      </c>
      <c r="B19" s="17"/>
      <c r="C19" s="13">
        <v>31357</v>
      </c>
      <c r="D19" s="19">
        <v>16134</v>
      </c>
      <c r="E19" s="19">
        <v>15223</v>
      </c>
      <c r="F19" s="19"/>
      <c r="G19" s="18" t="s">
        <v>36</v>
      </c>
      <c r="H19" s="17"/>
      <c r="I19" s="13">
        <v>41476</v>
      </c>
      <c r="J19" s="19">
        <v>21227</v>
      </c>
      <c r="K19" s="19">
        <v>20249</v>
      </c>
    </row>
    <row r="20" spans="1:11" ht="15" customHeight="1">
      <c r="A20" s="17" t="s">
        <v>37</v>
      </c>
      <c r="B20" s="17"/>
      <c r="C20" s="13">
        <v>31408</v>
      </c>
      <c r="D20" s="19">
        <v>16138</v>
      </c>
      <c r="E20" s="19">
        <v>15270</v>
      </c>
      <c r="F20" s="19"/>
      <c r="G20" s="18" t="s">
        <v>38</v>
      </c>
      <c r="H20" s="17"/>
      <c r="I20" s="13">
        <v>38076</v>
      </c>
      <c r="J20" s="19">
        <v>19058</v>
      </c>
      <c r="K20" s="19">
        <v>19018</v>
      </c>
    </row>
    <row r="21" spans="1:11" ht="15" customHeight="1">
      <c r="A21" s="17" t="s">
        <v>39</v>
      </c>
      <c r="B21" s="17"/>
      <c r="C21" s="13">
        <v>31632</v>
      </c>
      <c r="D21" s="19">
        <v>16319</v>
      </c>
      <c r="E21" s="19">
        <v>15313</v>
      </c>
      <c r="F21" s="19"/>
      <c r="G21" s="18" t="s">
        <v>40</v>
      </c>
      <c r="H21" s="17"/>
      <c r="I21" s="13">
        <v>38480</v>
      </c>
      <c r="J21" s="19">
        <v>19456</v>
      </c>
      <c r="K21" s="19">
        <v>19024</v>
      </c>
    </row>
    <row r="22" spans="1:11" ht="15" customHeight="1">
      <c r="A22" s="17" t="s">
        <v>41</v>
      </c>
      <c r="B22" s="17"/>
      <c r="C22" s="13">
        <v>30369</v>
      </c>
      <c r="D22" s="19">
        <v>15559</v>
      </c>
      <c r="E22" s="19">
        <v>14810</v>
      </c>
      <c r="F22" s="19"/>
      <c r="G22" s="18" t="s">
        <v>42</v>
      </c>
      <c r="H22" s="17"/>
      <c r="I22" s="13">
        <v>39348</v>
      </c>
      <c r="J22" s="19">
        <v>19775</v>
      </c>
      <c r="K22" s="19">
        <v>19573</v>
      </c>
    </row>
    <row r="23" spans="1:11" ht="20.100000000000001" customHeight="1">
      <c r="A23" s="17" t="s">
        <v>43</v>
      </c>
      <c r="B23" s="17"/>
      <c r="C23" s="13">
        <v>169887</v>
      </c>
      <c r="D23" s="14">
        <v>86747</v>
      </c>
      <c r="E23" s="14">
        <v>83140</v>
      </c>
      <c r="F23" s="14"/>
      <c r="G23" s="18" t="s">
        <v>44</v>
      </c>
      <c r="H23" s="17"/>
      <c r="I23" s="13">
        <v>213053</v>
      </c>
      <c r="J23" s="14">
        <v>105100</v>
      </c>
      <c r="K23" s="14">
        <v>107953</v>
      </c>
    </row>
    <row r="24" spans="1:11" ht="15" customHeight="1">
      <c r="A24" s="17" t="s">
        <v>45</v>
      </c>
      <c r="B24" s="17"/>
      <c r="C24" s="13">
        <v>32030</v>
      </c>
      <c r="D24" s="19">
        <v>16448</v>
      </c>
      <c r="E24" s="19">
        <v>15582</v>
      </c>
      <c r="F24" s="19"/>
      <c r="G24" s="18" t="s">
        <v>46</v>
      </c>
      <c r="H24" s="17"/>
      <c r="I24" s="13">
        <v>38571</v>
      </c>
      <c r="J24" s="19">
        <v>19249</v>
      </c>
      <c r="K24" s="19">
        <v>19322</v>
      </c>
    </row>
    <row r="25" spans="1:11" ht="15" customHeight="1">
      <c r="A25" s="17" t="s">
        <v>47</v>
      </c>
      <c r="B25" s="17"/>
      <c r="C25" s="13">
        <v>32859</v>
      </c>
      <c r="D25" s="19">
        <v>16816</v>
      </c>
      <c r="E25" s="19">
        <v>16043</v>
      </c>
      <c r="F25" s="19"/>
      <c r="G25" s="18" t="s">
        <v>48</v>
      </c>
      <c r="H25" s="17"/>
      <c r="I25" s="13">
        <v>39901</v>
      </c>
      <c r="J25" s="19">
        <v>19729</v>
      </c>
      <c r="K25" s="19">
        <v>20172</v>
      </c>
    </row>
    <row r="26" spans="1:11" ht="15" customHeight="1">
      <c r="A26" s="17" t="s">
        <v>49</v>
      </c>
      <c r="B26" s="17"/>
      <c r="C26" s="13">
        <v>33373</v>
      </c>
      <c r="D26" s="19">
        <v>16795</v>
      </c>
      <c r="E26" s="19">
        <v>16578</v>
      </c>
      <c r="F26" s="19"/>
      <c r="G26" s="18" t="s">
        <v>50</v>
      </c>
      <c r="H26" s="17"/>
      <c r="I26" s="13">
        <v>42572</v>
      </c>
      <c r="J26" s="19">
        <v>20848</v>
      </c>
      <c r="K26" s="19">
        <v>21724</v>
      </c>
    </row>
    <row r="27" spans="1:11" ht="15" customHeight="1">
      <c r="A27" s="17" t="s">
        <v>51</v>
      </c>
      <c r="B27" s="17"/>
      <c r="C27" s="13">
        <v>34258</v>
      </c>
      <c r="D27" s="19">
        <v>17621</v>
      </c>
      <c r="E27" s="19">
        <v>16637</v>
      </c>
      <c r="F27" s="19"/>
      <c r="G27" s="18" t="s">
        <v>52</v>
      </c>
      <c r="H27" s="17"/>
      <c r="I27" s="13">
        <v>44249</v>
      </c>
      <c r="J27" s="19">
        <v>21926</v>
      </c>
      <c r="K27" s="19">
        <v>22323</v>
      </c>
    </row>
    <row r="28" spans="1:11" ht="15" customHeight="1">
      <c r="A28" s="17" t="s">
        <v>53</v>
      </c>
      <c r="B28" s="17"/>
      <c r="C28" s="13">
        <v>37367</v>
      </c>
      <c r="D28" s="19">
        <v>19067</v>
      </c>
      <c r="E28" s="19">
        <v>18300</v>
      </c>
      <c r="F28" s="19"/>
      <c r="G28" s="18" t="s">
        <v>54</v>
      </c>
      <c r="H28" s="17"/>
      <c r="I28" s="13">
        <v>47760</v>
      </c>
      <c r="J28" s="19">
        <v>23348</v>
      </c>
      <c r="K28" s="19">
        <v>24412</v>
      </c>
    </row>
    <row r="29" spans="1:11" ht="20.100000000000001" customHeight="1">
      <c r="A29" s="17" t="s">
        <v>55</v>
      </c>
      <c r="B29" s="17"/>
      <c r="C29" s="13">
        <v>209344</v>
      </c>
      <c r="D29" s="14">
        <v>107743</v>
      </c>
      <c r="E29" s="14">
        <v>101601</v>
      </c>
      <c r="F29" s="14"/>
      <c r="G29" s="18" t="s">
        <v>56</v>
      </c>
      <c r="H29" s="17"/>
      <c r="I29" s="13">
        <v>230169</v>
      </c>
      <c r="J29" s="14">
        <v>109342</v>
      </c>
      <c r="K29" s="14">
        <v>120827</v>
      </c>
    </row>
    <row r="30" spans="1:11" ht="15" customHeight="1">
      <c r="A30" s="17" t="s">
        <v>57</v>
      </c>
      <c r="B30" s="17"/>
      <c r="C30" s="13">
        <v>37755</v>
      </c>
      <c r="D30" s="19">
        <v>19323</v>
      </c>
      <c r="E30" s="19">
        <v>18432</v>
      </c>
      <c r="F30" s="19"/>
      <c r="G30" s="18" t="s">
        <v>58</v>
      </c>
      <c r="H30" s="17"/>
      <c r="I30" s="13">
        <v>54537</v>
      </c>
      <c r="J30" s="19">
        <v>26356</v>
      </c>
      <c r="K30" s="19">
        <v>28181</v>
      </c>
    </row>
    <row r="31" spans="1:11" ht="15" customHeight="1">
      <c r="A31" s="17" t="s">
        <v>59</v>
      </c>
      <c r="B31" s="17"/>
      <c r="C31" s="13">
        <v>39937</v>
      </c>
      <c r="D31" s="19">
        <v>20518</v>
      </c>
      <c r="E31" s="19">
        <v>19419</v>
      </c>
      <c r="F31" s="19"/>
      <c r="G31" s="18" t="s">
        <v>60</v>
      </c>
      <c r="H31" s="17"/>
      <c r="I31" s="13">
        <v>53305</v>
      </c>
      <c r="J31" s="19">
        <v>25380</v>
      </c>
      <c r="K31" s="19">
        <v>27925</v>
      </c>
    </row>
    <row r="32" spans="1:11" ht="15" customHeight="1">
      <c r="A32" s="17" t="s">
        <v>61</v>
      </c>
      <c r="B32" s="17"/>
      <c r="C32" s="13">
        <v>41368</v>
      </c>
      <c r="D32" s="19">
        <v>21251</v>
      </c>
      <c r="E32" s="19">
        <v>20117</v>
      </c>
      <c r="F32" s="19"/>
      <c r="G32" s="18" t="s">
        <v>62</v>
      </c>
      <c r="H32" s="17"/>
      <c r="I32" s="13">
        <v>53258</v>
      </c>
      <c r="J32" s="19">
        <v>25355</v>
      </c>
      <c r="K32" s="19">
        <v>27903</v>
      </c>
    </row>
    <row r="33" spans="1:11" ht="15" customHeight="1">
      <c r="A33" s="17" t="s">
        <v>63</v>
      </c>
      <c r="B33" s="17"/>
      <c r="C33" s="13">
        <v>45695</v>
      </c>
      <c r="D33" s="19">
        <v>23647</v>
      </c>
      <c r="E33" s="19">
        <v>22048</v>
      </c>
      <c r="F33" s="19"/>
      <c r="G33" s="18" t="s">
        <v>64</v>
      </c>
      <c r="H33" s="17"/>
      <c r="I33" s="13">
        <v>36071</v>
      </c>
      <c r="J33" s="19">
        <v>16952</v>
      </c>
      <c r="K33" s="19">
        <v>19119</v>
      </c>
    </row>
    <row r="34" spans="1:11" ht="15" customHeight="1">
      <c r="A34" s="17" t="s">
        <v>65</v>
      </c>
      <c r="B34" s="17"/>
      <c r="C34" s="13">
        <v>44589</v>
      </c>
      <c r="D34" s="19">
        <v>23004</v>
      </c>
      <c r="E34" s="19">
        <v>21585</v>
      </c>
      <c r="F34" s="19"/>
      <c r="G34" s="18" t="s">
        <v>66</v>
      </c>
      <c r="H34" s="17"/>
      <c r="I34" s="13">
        <v>32998</v>
      </c>
      <c r="J34" s="19">
        <v>15299</v>
      </c>
      <c r="K34" s="19">
        <v>17699</v>
      </c>
    </row>
    <row r="35" spans="1:11" ht="20.100000000000001" customHeight="1">
      <c r="A35" s="17" t="s">
        <v>67</v>
      </c>
      <c r="B35" s="17"/>
      <c r="C35" s="13">
        <v>205201</v>
      </c>
      <c r="D35" s="14">
        <v>106759</v>
      </c>
      <c r="E35" s="14">
        <v>98442</v>
      </c>
      <c r="F35" s="14"/>
      <c r="G35" s="18" t="s">
        <v>68</v>
      </c>
      <c r="H35" s="17"/>
      <c r="I35" s="13">
        <v>195759</v>
      </c>
      <c r="J35" s="14">
        <v>87905</v>
      </c>
      <c r="K35" s="14">
        <v>107854</v>
      </c>
    </row>
    <row r="36" spans="1:11" ht="15" customHeight="1">
      <c r="A36" s="17" t="s">
        <v>69</v>
      </c>
      <c r="B36" s="17"/>
      <c r="C36" s="13">
        <v>44688</v>
      </c>
      <c r="D36" s="19">
        <v>23332</v>
      </c>
      <c r="E36" s="19">
        <v>21356</v>
      </c>
      <c r="F36" s="19"/>
      <c r="G36" s="18" t="s">
        <v>70</v>
      </c>
      <c r="H36" s="17"/>
      <c r="I36" s="13">
        <v>39910</v>
      </c>
      <c r="J36" s="19">
        <v>18363</v>
      </c>
      <c r="K36" s="19">
        <v>21547</v>
      </c>
    </row>
    <row r="37" spans="1:11" ht="15" customHeight="1">
      <c r="A37" s="17" t="s">
        <v>71</v>
      </c>
      <c r="B37" s="17"/>
      <c r="C37" s="13">
        <v>41607</v>
      </c>
      <c r="D37" s="19">
        <v>21693</v>
      </c>
      <c r="E37" s="19">
        <v>19914</v>
      </c>
      <c r="F37" s="19"/>
      <c r="G37" s="18" t="s">
        <v>72</v>
      </c>
      <c r="H37" s="17"/>
      <c r="I37" s="13">
        <v>41888</v>
      </c>
      <c r="J37" s="19">
        <v>18976</v>
      </c>
      <c r="K37" s="19">
        <v>22912</v>
      </c>
    </row>
    <row r="38" spans="1:11" ht="15" customHeight="1">
      <c r="A38" s="17" t="s">
        <v>73</v>
      </c>
      <c r="B38" s="17"/>
      <c r="C38" s="13">
        <v>39952</v>
      </c>
      <c r="D38" s="19">
        <v>20839</v>
      </c>
      <c r="E38" s="19">
        <v>19113</v>
      </c>
      <c r="F38" s="19"/>
      <c r="G38" s="18" t="s">
        <v>74</v>
      </c>
      <c r="H38" s="17"/>
      <c r="I38" s="13">
        <v>39698</v>
      </c>
      <c r="J38" s="19">
        <v>17799</v>
      </c>
      <c r="K38" s="19">
        <v>21899</v>
      </c>
    </row>
    <row r="39" spans="1:11" ht="15" customHeight="1">
      <c r="A39" s="17" t="s">
        <v>75</v>
      </c>
      <c r="B39" s="17"/>
      <c r="C39" s="13">
        <v>39702</v>
      </c>
      <c r="D39" s="19">
        <v>20556</v>
      </c>
      <c r="E39" s="19">
        <v>19146</v>
      </c>
      <c r="F39" s="19"/>
      <c r="G39" s="18" t="s">
        <v>76</v>
      </c>
      <c r="H39" s="17"/>
      <c r="I39" s="13">
        <v>39109</v>
      </c>
      <c r="J39" s="19">
        <v>17362</v>
      </c>
      <c r="K39" s="19">
        <v>21747</v>
      </c>
    </row>
    <row r="40" spans="1:11" ht="15" customHeight="1">
      <c r="A40" s="17" t="s">
        <v>77</v>
      </c>
      <c r="B40" s="17"/>
      <c r="C40" s="13">
        <v>39252</v>
      </c>
      <c r="D40" s="19">
        <v>20339</v>
      </c>
      <c r="E40" s="19">
        <v>18913</v>
      </c>
      <c r="F40" s="19"/>
      <c r="G40" s="18" t="s">
        <v>78</v>
      </c>
      <c r="H40" s="17"/>
      <c r="I40" s="13">
        <v>35154</v>
      </c>
      <c r="J40" s="19">
        <v>15405</v>
      </c>
      <c r="K40" s="19">
        <v>19749</v>
      </c>
    </row>
    <row r="41" spans="1:11" ht="20.100000000000001" customHeight="1">
      <c r="A41" s="17" t="s">
        <v>79</v>
      </c>
      <c r="B41" s="17"/>
      <c r="C41" s="13">
        <v>207658</v>
      </c>
      <c r="D41" s="14">
        <v>106578</v>
      </c>
      <c r="E41" s="14">
        <v>101080</v>
      </c>
      <c r="F41" s="14"/>
      <c r="G41" s="18" t="s">
        <v>80</v>
      </c>
      <c r="H41" s="17"/>
      <c r="I41" s="13">
        <v>141615</v>
      </c>
      <c r="J41" s="14">
        <v>60565</v>
      </c>
      <c r="K41" s="14">
        <v>81050</v>
      </c>
    </row>
    <row r="42" spans="1:11" ht="15" customHeight="1">
      <c r="A42" s="17" t="s">
        <v>81</v>
      </c>
      <c r="B42" s="17"/>
      <c r="C42" s="13">
        <v>38801</v>
      </c>
      <c r="D42" s="19">
        <v>19930</v>
      </c>
      <c r="E42" s="19">
        <v>18871</v>
      </c>
      <c r="F42" s="19"/>
      <c r="G42" s="18" t="s">
        <v>82</v>
      </c>
      <c r="H42" s="17"/>
      <c r="I42" s="13">
        <v>30508</v>
      </c>
      <c r="J42" s="19">
        <v>13467</v>
      </c>
      <c r="K42" s="19">
        <v>17041</v>
      </c>
    </row>
    <row r="43" spans="1:11" ht="15" customHeight="1">
      <c r="A43" s="17" t="s">
        <v>83</v>
      </c>
      <c r="B43" s="17"/>
      <c r="C43" s="13">
        <v>41137</v>
      </c>
      <c r="D43" s="19">
        <v>20981</v>
      </c>
      <c r="E43" s="19">
        <v>20156</v>
      </c>
      <c r="F43" s="19"/>
      <c r="G43" s="18" t="s">
        <v>84</v>
      </c>
      <c r="H43" s="17"/>
      <c r="I43" s="13">
        <v>27919</v>
      </c>
      <c r="J43" s="19">
        <v>12310</v>
      </c>
      <c r="K43" s="19">
        <v>15609</v>
      </c>
    </row>
    <row r="44" spans="1:11" ht="15" customHeight="1">
      <c r="A44" s="17" t="s">
        <v>85</v>
      </c>
      <c r="B44" s="17"/>
      <c r="C44" s="13">
        <v>41230</v>
      </c>
      <c r="D44" s="19">
        <v>21392</v>
      </c>
      <c r="E44" s="19">
        <v>19838</v>
      </c>
      <c r="F44" s="19"/>
      <c r="G44" s="18" t="s">
        <v>86</v>
      </c>
      <c r="H44" s="17"/>
      <c r="I44" s="13">
        <v>29842</v>
      </c>
      <c r="J44" s="19">
        <v>12679</v>
      </c>
      <c r="K44" s="19">
        <v>17163</v>
      </c>
    </row>
    <row r="45" spans="1:11" ht="15" customHeight="1">
      <c r="A45" s="17" t="s">
        <v>87</v>
      </c>
      <c r="B45" s="17"/>
      <c r="C45" s="13">
        <v>42315</v>
      </c>
      <c r="D45" s="19">
        <v>21767</v>
      </c>
      <c r="E45" s="19">
        <v>20548</v>
      </c>
      <c r="F45" s="19"/>
      <c r="G45" s="18" t="s">
        <v>88</v>
      </c>
      <c r="H45" s="17"/>
      <c r="I45" s="13">
        <v>27065</v>
      </c>
      <c r="J45" s="19">
        <v>11256</v>
      </c>
      <c r="K45" s="19">
        <v>15809</v>
      </c>
    </row>
    <row r="46" spans="1:11" ht="15" customHeight="1">
      <c r="A46" s="17" t="s">
        <v>89</v>
      </c>
      <c r="B46" s="17"/>
      <c r="C46" s="13">
        <v>44175</v>
      </c>
      <c r="D46" s="19">
        <v>22508</v>
      </c>
      <c r="E46" s="19">
        <v>21667</v>
      </c>
      <c r="F46" s="19"/>
      <c r="G46" s="18" t="s">
        <v>90</v>
      </c>
      <c r="H46" s="17"/>
      <c r="I46" s="13">
        <v>26281</v>
      </c>
      <c r="J46" s="19">
        <v>10853</v>
      </c>
      <c r="K46" s="19">
        <v>15428</v>
      </c>
    </row>
    <row r="47" spans="1:11" ht="20.100000000000001" customHeight="1">
      <c r="A47" s="17" t="s">
        <v>91</v>
      </c>
      <c r="B47" s="17"/>
      <c r="C47" s="13">
        <v>233462</v>
      </c>
      <c r="D47" s="14">
        <v>119168</v>
      </c>
      <c r="E47" s="14">
        <v>114294</v>
      </c>
      <c r="F47" s="14"/>
      <c r="G47" s="18" t="s">
        <v>92</v>
      </c>
      <c r="H47" s="17"/>
      <c r="I47" s="13">
        <v>89229</v>
      </c>
      <c r="J47" s="14">
        <v>33210</v>
      </c>
      <c r="K47" s="14">
        <v>56019</v>
      </c>
    </row>
    <row r="48" spans="1:11" ht="15" customHeight="1">
      <c r="A48" s="17" t="s">
        <v>93</v>
      </c>
      <c r="B48" s="17"/>
      <c r="C48" s="13">
        <v>45845</v>
      </c>
      <c r="D48" s="19">
        <v>23633</v>
      </c>
      <c r="E48" s="19">
        <v>22212</v>
      </c>
      <c r="F48" s="19"/>
      <c r="G48" s="18" t="s">
        <v>94</v>
      </c>
      <c r="H48" s="17"/>
      <c r="I48" s="13">
        <v>21876</v>
      </c>
      <c r="J48" s="19">
        <v>8699</v>
      </c>
      <c r="K48" s="19">
        <v>13177</v>
      </c>
    </row>
    <row r="49" spans="1:11" ht="15" customHeight="1">
      <c r="A49" s="17" t="s">
        <v>95</v>
      </c>
      <c r="B49" s="17"/>
      <c r="C49" s="13">
        <v>46254</v>
      </c>
      <c r="D49" s="19">
        <v>23590</v>
      </c>
      <c r="E49" s="19">
        <v>22664</v>
      </c>
      <c r="F49" s="19"/>
      <c r="G49" s="18" t="s">
        <v>96</v>
      </c>
      <c r="H49" s="17"/>
      <c r="I49" s="13">
        <v>20225</v>
      </c>
      <c r="J49" s="19">
        <v>7663</v>
      </c>
      <c r="K49" s="19">
        <v>12562</v>
      </c>
    </row>
    <row r="50" spans="1:11" ht="15" customHeight="1">
      <c r="A50" s="17" t="s">
        <v>97</v>
      </c>
      <c r="B50" s="17"/>
      <c r="C50" s="13">
        <v>46335</v>
      </c>
      <c r="D50" s="19">
        <v>23638</v>
      </c>
      <c r="E50" s="19">
        <v>22697</v>
      </c>
      <c r="F50" s="19"/>
      <c r="G50" s="18" t="s">
        <v>98</v>
      </c>
      <c r="H50" s="17"/>
      <c r="I50" s="13">
        <v>18124</v>
      </c>
      <c r="J50" s="19">
        <v>6711</v>
      </c>
      <c r="K50" s="19">
        <v>11413</v>
      </c>
    </row>
    <row r="51" spans="1:11" ht="15" customHeight="1">
      <c r="A51" s="17" t="s">
        <v>99</v>
      </c>
      <c r="B51" s="17"/>
      <c r="C51" s="13">
        <v>46745</v>
      </c>
      <c r="D51" s="19">
        <v>23841</v>
      </c>
      <c r="E51" s="19">
        <v>22904</v>
      </c>
      <c r="F51" s="19"/>
      <c r="G51" s="18" t="s">
        <v>100</v>
      </c>
      <c r="H51" s="17"/>
      <c r="I51" s="13">
        <v>15876</v>
      </c>
      <c r="J51" s="19">
        <v>5639</v>
      </c>
      <c r="K51" s="19">
        <v>10237</v>
      </c>
    </row>
    <row r="52" spans="1:11" ht="15" customHeight="1">
      <c r="A52" s="17" t="s">
        <v>101</v>
      </c>
      <c r="B52" s="17"/>
      <c r="C52" s="13">
        <v>48283</v>
      </c>
      <c r="D52" s="19">
        <v>24466</v>
      </c>
      <c r="E52" s="19">
        <v>23817</v>
      </c>
      <c r="F52" s="19"/>
      <c r="G52" s="18" t="s">
        <v>102</v>
      </c>
      <c r="H52" s="17"/>
      <c r="I52" s="13">
        <v>13128</v>
      </c>
      <c r="J52" s="19">
        <v>4498</v>
      </c>
      <c r="K52" s="19">
        <v>8630</v>
      </c>
    </row>
    <row r="53" spans="1:11" ht="20.100000000000001" customHeight="1">
      <c r="A53" s="17" t="s">
        <v>103</v>
      </c>
      <c r="B53" s="17"/>
      <c r="C53" s="13">
        <v>270136</v>
      </c>
      <c r="D53" s="14">
        <v>137895</v>
      </c>
      <c r="E53" s="14">
        <v>132241</v>
      </c>
      <c r="F53" s="14"/>
      <c r="G53" s="18" t="s">
        <v>104</v>
      </c>
      <c r="H53" s="17"/>
      <c r="I53" s="13">
        <v>40312</v>
      </c>
      <c r="J53" s="14">
        <v>11857</v>
      </c>
      <c r="K53" s="14">
        <v>28455</v>
      </c>
    </row>
    <row r="54" spans="1:11" ht="15" customHeight="1">
      <c r="A54" s="17" t="s">
        <v>105</v>
      </c>
      <c r="B54" s="17"/>
      <c r="C54" s="13">
        <v>50135</v>
      </c>
      <c r="D54" s="19">
        <v>25596</v>
      </c>
      <c r="E54" s="19">
        <v>24539</v>
      </c>
      <c r="F54" s="19"/>
      <c r="G54" s="18" t="s">
        <v>106</v>
      </c>
      <c r="H54" s="17"/>
      <c r="I54" s="13">
        <v>11165</v>
      </c>
      <c r="J54" s="19">
        <v>3566</v>
      </c>
      <c r="K54" s="19">
        <v>7599</v>
      </c>
    </row>
    <row r="55" spans="1:11" ht="15" customHeight="1">
      <c r="A55" s="17" t="s">
        <v>107</v>
      </c>
      <c r="B55" s="17"/>
      <c r="C55" s="13">
        <v>51884</v>
      </c>
      <c r="D55" s="19">
        <v>26496</v>
      </c>
      <c r="E55" s="19">
        <v>25388</v>
      </c>
      <c r="F55" s="19"/>
      <c r="G55" s="18" t="s">
        <v>108</v>
      </c>
      <c r="H55" s="17"/>
      <c r="I55" s="13">
        <v>9663</v>
      </c>
      <c r="J55" s="19">
        <v>2955</v>
      </c>
      <c r="K55" s="19">
        <v>6708</v>
      </c>
    </row>
    <row r="56" spans="1:11" ht="15" customHeight="1">
      <c r="A56" s="17" t="s">
        <v>109</v>
      </c>
      <c r="B56" s="17"/>
      <c r="C56" s="13">
        <v>53947</v>
      </c>
      <c r="D56" s="19">
        <v>27597</v>
      </c>
      <c r="E56" s="19">
        <v>26350</v>
      </c>
      <c r="F56" s="19"/>
      <c r="G56" s="18" t="s">
        <v>110</v>
      </c>
      <c r="H56" s="17"/>
      <c r="I56" s="13">
        <v>7749</v>
      </c>
      <c r="J56" s="19">
        <v>2282</v>
      </c>
      <c r="K56" s="19">
        <v>5467</v>
      </c>
    </row>
    <row r="57" spans="1:11" ht="15" customHeight="1">
      <c r="A57" s="17" t="s">
        <v>111</v>
      </c>
      <c r="B57" s="17"/>
      <c r="C57" s="13">
        <v>56097</v>
      </c>
      <c r="D57" s="19">
        <v>28519</v>
      </c>
      <c r="E57" s="19">
        <v>27578</v>
      </c>
      <c r="F57" s="19"/>
      <c r="G57" s="18" t="s">
        <v>112</v>
      </c>
      <c r="H57" s="17"/>
      <c r="I57" s="13">
        <v>6425</v>
      </c>
      <c r="J57" s="19">
        <v>1752</v>
      </c>
      <c r="K57" s="19">
        <v>4673</v>
      </c>
    </row>
    <row r="58" spans="1:11" ht="15" customHeight="1">
      <c r="A58" s="17" t="s">
        <v>113</v>
      </c>
      <c r="B58" s="17"/>
      <c r="C58" s="13">
        <v>58073</v>
      </c>
      <c r="D58" s="19">
        <v>29687</v>
      </c>
      <c r="E58" s="19">
        <v>28386</v>
      </c>
      <c r="F58" s="19"/>
      <c r="G58" s="18" t="s">
        <v>114</v>
      </c>
      <c r="H58" s="17"/>
      <c r="I58" s="13">
        <v>5310</v>
      </c>
      <c r="J58" s="19">
        <v>1302</v>
      </c>
      <c r="K58" s="19">
        <v>4008</v>
      </c>
    </row>
    <row r="59" spans="1:11" ht="20.100000000000001" customHeight="1">
      <c r="A59" s="17" t="s">
        <v>115</v>
      </c>
      <c r="B59" s="17"/>
      <c r="C59" s="13">
        <v>324091</v>
      </c>
      <c r="D59" s="14">
        <v>163617</v>
      </c>
      <c r="E59" s="14">
        <v>160474</v>
      </c>
      <c r="F59" s="14"/>
      <c r="G59" s="18" t="s">
        <v>116</v>
      </c>
      <c r="H59" s="17"/>
      <c r="I59" s="13">
        <v>10632</v>
      </c>
      <c r="J59" s="14">
        <v>2098</v>
      </c>
      <c r="K59" s="14">
        <v>8534</v>
      </c>
    </row>
    <row r="60" spans="1:11" ht="15" customHeight="1">
      <c r="A60" s="17" t="s">
        <v>117</v>
      </c>
      <c r="B60" s="17"/>
      <c r="C60" s="13">
        <v>62659</v>
      </c>
      <c r="D60" s="19">
        <v>31717</v>
      </c>
      <c r="E60" s="19">
        <v>30942</v>
      </c>
      <c r="F60" s="19"/>
      <c r="G60" s="18" t="s">
        <v>118</v>
      </c>
      <c r="H60" s="17"/>
      <c r="I60" s="13">
        <v>3711</v>
      </c>
      <c r="J60" s="19">
        <v>819</v>
      </c>
      <c r="K60" s="19">
        <v>2892</v>
      </c>
    </row>
    <row r="61" spans="1:11" ht="15" customHeight="1">
      <c r="A61" s="17" t="s">
        <v>119</v>
      </c>
      <c r="B61" s="17"/>
      <c r="C61" s="13">
        <v>65680</v>
      </c>
      <c r="D61" s="19">
        <v>33152</v>
      </c>
      <c r="E61" s="19">
        <v>32528</v>
      </c>
      <c r="F61" s="19"/>
      <c r="G61" s="18" t="s">
        <v>120</v>
      </c>
      <c r="H61" s="17"/>
      <c r="I61" s="13">
        <v>2728</v>
      </c>
      <c r="J61" s="19">
        <v>561</v>
      </c>
      <c r="K61" s="19">
        <v>2167</v>
      </c>
    </row>
    <row r="62" spans="1:11" ht="15" customHeight="1">
      <c r="A62" s="17" t="s">
        <v>121</v>
      </c>
      <c r="B62" s="17"/>
      <c r="C62" s="13">
        <v>65437</v>
      </c>
      <c r="D62" s="19">
        <v>33059</v>
      </c>
      <c r="E62" s="19">
        <v>32378</v>
      </c>
      <c r="F62" s="19"/>
      <c r="G62" s="18" t="s">
        <v>122</v>
      </c>
      <c r="H62" s="17"/>
      <c r="I62" s="13">
        <v>1806</v>
      </c>
      <c r="J62" s="19">
        <v>311</v>
      </c>
      <c r="K62" s="19">
        <v>1495</v>
      </c>
    </row>
    <row r="63" spans="1:11" ht="15" customHeight="1">
      <c r="A63" s="17" t="s">
        <v>123</v>
      </c>
      <c r="B63" s="17"/>
      <c r="C63" s="13">
        <v>64980</v>
      </c>
      <c r="D63" s="19">
        <v>32605</v>
      </c>
      <c r="E63" s="19">
        <v>32375</v>
      </c>
      <c r="F63" s="19"/>
      <c r="G63" s="18" t="s">
        <v>124</v>
      </c>
      <c r="H63" s="17"/>
      <c r="I63" s="13">
        <v>1441</v>
      </c>
      <c r="J63" s="19">
        <v>248</v>
      </c>
      <c r="K63" s="19">
        <v>1193</v>
      </c>
    </row>
    <row r="64" spans="1:11" ht="15" customHeight="1">
      <c r="A64" s="17" t="s">
        <v>125</v>
      </c>
      <c r="B64" s="17"/>
      <c r="C64" s="13">
        <v>65335</v>
      </c>
      <c r="D64" s="19">
        <v>33084</v>
      </c>
      <c r="E64" s="19">
        <v>32251</v>
      </c>
      <c r="F64" s="19"/>
      <c r="G64" s="18" t="s">
        <v>126</v>
      </c>
      <c r="H64" s="17"/>
      <c r="I64" s="13">
        <v>946</v>
      </c>
      <c r="J64" s="19">
        <v>159</v>
      </c>
      <c r="K64" s="19">
        <v>78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39</v>
      </c>
      <c r="J65" s="19">
        <v>203</v>
      </c>
      <c r="K65" s="19">
        <v>143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2528</v>
      </c>
      <c r="J66" s="29">
        <v>15117</v>
      </c>
      <c r="K66" s="29">
        <v>741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7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2642</v>
      </c>
      <c r="D4" s="14">
        <v>105840</v>
      </c>
      <c r="E4" s="14">
        <v>1068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252</v>
      </c>
      <c r="D5" s="14">
        <v>4745</v>
      </c>
      <c r="E5" s="14">
        <v>4507</v>
      </c>
      <c r="F5" s="14"/>
      <c r="G5" s="18" t="s">
        <v>8</v>
      </c>
      <c r="H5" s="17"/>
      <c r="I5" s="13">
        <v>19592</v>
      </c>
      <c r="J5" s="14">
        <v>9957</v>
      </c>
      <c r="K5" s="14">
        <v>9635</v>
      </c>
    </row>
    <row r="6" spans="1:11" ht="15" customHeight="1">
      <c r="A6" s="17" t="s">
        <v>9</v>
      </c>
      <c r="B6" s="17"/>
      <c r="C6" s="13">
        <v>1587</v>
      </c>
      <c r="D6" s="19">
        <v>819</v>
      </c>
      <c r="E6" s="19">
        <v>768</v>
      </c>
      <c r="F6" s="19"/>
      <c r="G6" s="18" t="s">
        <v>10</v>
      </c>
      <c r="H6" s="17"/>
      <c r="I6" s="13">
        <v>4167</v>
      </c>
      <c r="J6" s="19">
        <v>2098</v>
      </c>
      <c r="K6" s="19">
        <v>2069</v>
      </c>
    </row>
    <row r="7" spans="1:11" ht="15" customHeight="1">
      <c r="A7" s="17" t="s">
        <v>11</v>
      </c>
      <c r="B7" s="17"/>
      <c r="C7" s="13">
        <v>1761</v>
      </c>
      <c r="D7" s="19">
        <v>912</v>
      </c>
      <c r="E7" s="19">
        <v>849</v>
      </c>
      <c r="F7" s="19"/>
      <c r="G7" s="18" t="s">
        <v>12</v>
      </c>
      <c r="H7" s="17"/>
      <c r="I7" s="13">
        <v>4248</v>
      </c>
      <c r="J7" s="19">
        <v>2191</v>
      </c>
      <c r="K7" s="19">
        <v>2057</v>
      </c>
    </row>
    <row r="8" spans="1:11" ht="15" customHeight="1">
      <c r="A8" s="17" t="s">
        <v>13</v>
      </c>
      <c r="B8" s="17"/>
      <c r="C8" s="13">
        <v>1908</v>
      </c>
      <c r="D8" s="19">
        <v>954</v>
      </c>
      <c r="E8" s="19">
        <v>954</v>
      </c>
      <c r="F8" s="19"/>
      <c r="G8" s="18" t="s">
        <v>14</v>
      </c>
      <c r="H8" s="17"/>
      <c r="I8" s="13">
        <v>4229</v>
      </c>
      <c r="J8" s="19">
        <v>2101</v>
      </c>
      <c r="K8" s="19">
        <v>2128</v>
      </c>
    </row>
    <row r="9" spans="1:11" ht="15" customHeight="1">
      <c r="A9" s="17" t="s">
        <v>15</v>
      </c>
      <c r="B9" s="17"/>
      <c r="C9" s="13">
        <v>1995</v>
      </c>
      <c r="D9" s="19">
        <v>1008</v>
      </c>
      <c r="E9" s="19">
        <v>987</v>
      </c>
      <c r="F9" s="19"/>
      <c r="G9" s="18" t="s">
        <v>16</v>
      </c>
      <c r="H9" s="17"/>
      <c r="I9" s="13">
        <v>3053</v>
      </c>
      <c r="J9" s="19">
        <v>1551</v>
      </c>
      <c r="K9" s="19">
        <v>1502</v>
      </c>
    </row>
    <row r="10" spans="1:11" ht="15" customHeight="1">
      <c r="A10" s="17" t="s">
        <v>17</v>
      </c>
      <c r="B10" s="17"/>
      <c r="C10" s="13">
        <v>2001</v>
      </c>
      <c r="D10" s="19">
        <v>1052</v>
      </c>
      <c r="E10" s="19">
        <v>949</v>
      </c>
      <c r="F10" s="19"/>
      <c r="G10" s="18" t="s">
        <v>18</v>
      </c>
      <c r="H10" s="17"/>
      <c r="I10" s="13">
        <v>3895</v>
      </c>
      <c r="J10" s="19">
        <v>2016</v>
      </c>
      <c r="K10" s="19">
        <v>1879</v>
      </c>
    </row>
    <row r="11" spans="1:11" ht="20.100000000000001" customHeight="1">
      <c r="A11" s="17" t="s">
        <v>19</v>
      </c>
      <c r="B11" s="17"/>
      <c r="C11" s="13">
        <v>11236</v>
      </c>
      <c r="D11" s="14">
        <v>5767</v>
      </c>
      <c r="E11" s="14">
        <v>5469</v>
      </c>
      <c r="F11" s="14"/>
      <c r="G11" s="18" t="s">
        <v>20</v>
      </c>
      <c r="H11" s="17"/>
      <c r="I11" s="13">
        <v>14993</v>
      </c>
      <c r="J11" s="14">
        <v>7921</v>
      </c>
      <c r="K11" s="14">
        <v>7072</v>
      </c>
    </row>
    <row r="12" spans="1:11" ht="15" customHeight="1">
      <c r="A12" s="17" t="s">
        <v>21</v>
      </c>
      <c r="B12" s="17"/>
      <c r="C12" s="13">
        <v>2128</v>
      </c>
      <c r="D12" s="19">
        <v>1049</v>
      </c>
      <c r="E12" s="19">
        <v>1079</v>
      </c>
      <c r="F12" s="19"/>
      <c r="G12" s="18" t="s">
        <v>22</v>
      </c>
      <c r="H12" s="17"/>
      <c r="I12" s="13">
        <v>3609</v>
      </c>
      <c r="J12" s="19">
        <v>1869</v>
      </c>
      <c r="K12" s="19">
        <v>1740</v>
      </c>
    </row>
    <row r="13" spans="1:11" ht="15" customHeight="1">
      <c r="A13" s="17" t="s">
        <v>23</v>
      </c>
      <c r="B13" s="17"/>
      <c r="C13" s="13">
        <v>2207</v>
      </c>
      <c r="D13" s="19">
        <v>1155</v>
      </c>
      <c r="E13" s="19">
        <v>1052</v>
      </c>
      <c r="F13" s="19"/>
      <c r="G13" s="18" t="s">
        <v>24</v>
      </c>
      <c r="H13" s="17"/>
      <c r="I13" s="13">
        <v>3282</v>
      </c>
      <c r="J13" s="19">
        <v>1760</v>
      </c>
      <c r="K13" s="19">
        <v>1522</v>
      </c>
    </row>
    <row r="14" spans="1:11" ht="15" customHeight="1">
      <c r="A14" s="17" t="s">
        <v>25</v>
      </c>
      <c r="B14" s="17"/>
      <c r="C14" s="13">
        <v>2191</v>
      </c>
      <c r="D14" s="19">
        <v>1111</v>
      </c>
      <c r="E14" s="19">
        <v>1080</v>
      </c>
      <c r="F14" s="19"/>
      <c r="G14" s="18" t="s">
        <v>26</v>
      </c>
      <c r="H14" s="17"/>
      <c r="I14" s="13">
        <v>2881</v>
      </c>
      <c r="J14" s="19">
        <v>1498</v>
      </c>
      <c r="K14" s="19">
        <v>1383</v>
      </c>
    </row>
    <row r="15" spans="1:11" ht="15" customHeight="1">
      <c r="A15" s="17" t="s">
        <v>27</v>
      </c>
      <c r="B15" s="17"/>
      <c r="C15" s="13">
        <v>2342</v>
      </c>
      <c r="D15" s="19">
        <v>1208</v>
      </c>
      <c r="E15" s="19">
        <v>1134</v>
      </c>
      <c r="F15" s="19"/>
      <c r="G15" s="18" t="s">
        <v>28</v>
      </c>
      <c r="H15" s="17"/>
      <c r="I15" s="13">
        <v>2740</v>
      </c>
      <c r="J15" s="19">
        <v>1468</v>
      </c>
      <c r="K15" s="19">
        <v>1272</v>
      </c>
    </row>
    <row r="16" spans="1:11" ht="15" customHeight="1">
      <c r="A16" s="17" t="s">
        <v>29</v>
      </c>
      <c r="B16" s="17"/>
      <c r="C16" s="13">
        <v>2368</v>
      </c>
      <c r="D16" s="19">
        <v>1244</v>
      </c>
      <c r="E16" s="19">
        <v>1124</v>
      </c>
      <c r="F16" s="19"/>
      <c r="G16" s="18" t="s">
        <v>30</v>
      </c>
      <c r="H16" s="17"/>
      <c r="I16" s="13">
        <v>2481</v>
      </c>
      <c r="J16" s="19">
        <v>1326</v>
      </c>
      <c r="K16" s="19">
        <v>1155</v>
      </c>
    </row>
    <row r="17" spans="1:11" ht="20.100000000000001" customHeight="1">
      <c r="A17" s="20" t="s">
        <v>31</v>
      </c>
      <c r="B17" s="20"/>
      <c r="C17" s="13">
        <v>11852</v>
      </c>
      <c r="D17" s="14">
        <v>6125</v>
      </c>
      <c r="E17" s="14">
        <v>5727</v>
      </c>
      <c r="F17" s="14"/>
      <c r="G17" s="18" t="s">
        <v>32</v>
      </c>
      <c r="H17" s="17"/>
      <c r="I17" s="13">
        <v>10209</v>
      </c>
      <c r="J17" s="14">
        <v>5357</v>
      </c>
      <c r="K17" s="14">
        <v>4852</v>
      </c>
    </row>
    <row r="18" spans="1:11" ht="15" customHeight="1">
      <c r="A18" s="17" t="s">
        <v>33</v>
      </c>
      <c r="B18" s="17"/>
      <c r="C18" s="13">
        <v>2397</v>
      </c>
      <c r="D18" s="19">
        <v>1220</v>
      </c>
      <c r="E18" s="19">
        <v>1177</v>
      </c>
      <c r="F18" s="19"/>
      <c r="G18" s="18" t="s">
        <v>34</v>
      </c>
      <c r="H18" s="17"/>
      <c r="I18" s="13">
        <v>2309</v>
      </c>
      <c r="J18" s="19">
        <v>1229</v>
      </c>
      <c r="K18" s="19">
        <v>1080</v>
      </c>
    </row>
    <row r="19" spans="1:11" ht="15" customHeight="1">
      <c r="A19" s="17" t="s">
        <v>35</v>
      </c>
      <c r="B19" s="17"/>
      <c r="C19" s="13">
        <v>2305</v>
      </c>
      <c r="D19" s="19">
        <v>1112</v>
      </c>
      <c r="E19" s="19">
        <v>1193</v>
      </c>
      <c r="F19" s="19"/>
      <c r="G19" s="18" t="s">
        <v>36</v>
      </c>
      <c r="H19" s="17"/>
      <c r="I19" s="13">
        <v>2208</v>
      </c>
      <c r="J19" s="19">
        <v>1184</v>
      </c>
      <c r="K19" s="19">
        <v>1024</v>
      </c>
    </row>
    <row r="20" spans="1:11" ht="15" customHeight="1">
      <c r="A20" s="17" t="s">
        <v>37</v>
      </c>
      <c r="B20" s="17"/>
      <c r="C20" s="13">
        <v>2401</v>
      </c>
      <c r="D20" s="19">
        <v>1274</v>
      </c>
      <c r="E20" s="19">
        <v>1127</v>
      </c>
      <c r="F20" s="19"/>
      <c r="G20" s="18" t="s">
        <v>38</v>
      </c>
      <c r="H20" s="17"/>
      <c r="I20" s="13">
        <v>1938</v>
      </c>
      <c r="J20" s="19">
        <v>994</v>
      </c>
      <c r="K20" s="19">
        <v>944</v>
      </c>
    </row>
    <row r="21" spans="1:11" ht="15" customHeight="1">
      <c r="A21" s="17" t="s">
        <v>39</v>
      </c>
      <c r="B21" s="17"/>
      <c r="C21" s="13">
        <v>2416</v>
      </c>
      <c r="D21" s="19">
        <v>1275</v>
      </c>
      <c r="E21" s="19">
        <v>1141</v>
      </c>
      <c r="F21" s="19"/>
      <c r="G21" s="18" t="s">
        <v>40</v>
      </c>
      <c r="H21" s="17"/>
      <c r="I21" s="13">
        <v>1880</v>
      </c>
      <c r="J21" s="19">
        <v>950</v>
      </c>
      <c r="K21" s="19">
        <v>930</v>
      </c>
    </row>
    <row r="22" spans="1:11" ht="15" customHeight="1">
      <c r="A22" s="17" t="s">
        <v>41</v>
      </c>
      <c r="B22" s="17"/>
      <c r="C22" s="13">
        <v>2333</v>
      </c>
      <c r="D22" s="19">
        <v>1244</v>
      </c>
      <c r="E22" s="19">
        <v>1089</v>
      </c>
      <c r="F22" s="19"/>
      <c r="G22" s="18" t="s">
        <v>42</v>
      </c>
      <c r="H22" s="17"/>
      <c r="I22" s="13">
        <v>1874</v>
      </c>
      <c r="J22" s="19">
        <v>1000</v>
      </c>
      <c r="K22" s="19">
        <v>874</v>
      </c>
    </row>
    <row r="23" spans="1:11" ht="20.100000000000001" customHeight="1">
      <c r="A23" s="17" t="s">
        <v>43</v>
      </c>
      <c r="B23" s="17"/>
      <c r="C23" s="13">
        <v>12582</v>
      </c>
      <c r="D23" s="14">
        <v>6470</v>
      </c>
      <c r="E23" s="14">
        <v>6112</v>
      </c>
      <c r="F23" s="14"/>
      <c r="G23" s="18" t="s">
        <v>44</v>
      </c>
      <c r="H23" s="17"/>
      <c r="I23" s="13">
        <v>9205</v>
      </c>
      <c r="J23" s="14">
        <v>4602</v>
      </c>
      <c r="K23" s="14">
        <v>4603</v>
      </c>
    </row>
    <row r="24" spans="1:11" ht="15" customHeight="1">
      <c r="A24" s="17" t="s">
        <v>45</v>
      </c>
      <c r="B24" s="17"/>
      <c r="C24" s="13">
        <v>2378</v>
      </c>
      <c r="D24" s="19">
        <v>1214</v>
      </c>
      <c r="E24" s="19">
        <v>1164</v>
      </c>
      <c r="F24" s="19"/>
      <c r="G24" s="18" t="s">
        <v>46</v>
      </c>
      <c r="H24" s="17"/>
      <c r="I24" s="13">
        <v>1709</v>
      </c>
      <c r="J24" s="19">
        <v>843</v>
      </c>
      <c r="K24" s="19">
        <v>866</v>
      </c>
    </row>
    <row r="25" spans="1:11" ht="15" customHeight="1">
      <c r="A25" s="17" t="s">
        <v>47</v>
      </c>
      <c r="B25" s="17"/>
      <c r="C25" s="13">
        <v>2505</v>
      </c>
      <c r="D25" s="19">
        <v>1265</v>
      </c>
      <c r="E25" s="19">
        <v>1240</v>
      </c>
      <c r="F25" s="19"/>
      <c r="G25" s="18" t="s">
        <v>48</v>
      </c>
      <c r="H25" s="17"/>
      <c r="I25" s="13">
        <v>1751</v>
      </c>
      <c r="J25" s="19">
        <v>883</v>
      </c>
      <c r="K25" s="19">
        <v>868</v>
      </c>
    </row>
    <row r="26" spans="1:11" ht="15" customHeight="1">
      <c r="A26" s="17" t="s">
        <v>49</v>
      </c>
      <c r="B26" s="17"/>
      <c r="C26" s="13">
        <v>2494</v>
      </c>
      <c r="D26" s="19">
        <v>1335</v>
      </c>
      <c r="E26" s="19">
        <v>1159</v>
      </c>
      <c r="F26" s="19"/>
      <c r="G26" s="18" t="s">
        <v>50</v>
      </c>
      <c r="H26" s="17"/>
      <c r="I26" s="13">
        <v>1878</v>
      </c>
      <c r="J26" s="19">
        <v>913</v>
      </c>
      <c r="K26" s="19">
        <v>965</v>
      </c>
    </row>
    <row r="27" spans="1:11" ht="15" customHeight="1">
      <c r="A27" s="17" t="s">
        <v>51</v>
      </c>
      <c r="B27" s="17"/>
      <c r="C27" s="13">
        <v>2576</v>
      </c>
      <c r="D27" s="19">
        <v>1309</v>
      </c>
      <c r="E27" s="19">
        <v>1267</v>
      </c>
      <c r="F27" s="19"/>
      <c r="G27" s="18" t="s">
        <v>52</v>
      </c>
      <c r="H27" s="17"/>
      <c r="I27" s="13">
        <v>1829</v>
      </c>
      <c r="J27" s="19">
        <v>930</v>
      </c>
      <c r="K27" s="19">
        <v>899</v>
      </c>
    </row>
    <row r="28" spans="1:11" ht="15" customHeight="1">
      <c r="A28" s="17" t="s">
        <v>53</v>
      </c>
      <c r="B28" s="17"/>
      <c r="C28" s="13">
        <v>2629</v>
      </c>
      <c r="D28" s="19">
        <v>1347</v>
      </c>
      <c r="E28" s="19">
        <v>1282</v>
      </c>
      <c r="F28" s="19"/>
      <c r="G28" s="18" t="s">
        <v>54</v>
      </c>
      <c r="H28" s="17"/>
      <c r="I28" s="13">
        <v>2038</v>
      </c>
      <c r="J28" s="19">
        <v>1033</v>
      </c>
      <c r="K28" s="19">
        <v>1005</v>
      </c>
    </row>
    <row r="29" spans="1:11" ht="20.100000000000001" customHeight="1">
      <c r="A29" s="17" t="s">
        <v>55</v>
      </c>
      <c r="B29" s="17"/>
      <c r="C29" s="13">
        <v>12727</v>
      </c>
      <c r="D29" s="14">
        <v>6558</v>
      </c>
      <c r="E29" s="14">
        <v>6169</v>
      </c>
      <c r="F29" s="14"/>
      <c r="G29" s="18" t="s">
        <v>56</v>
      </c>
      <c r="H29" s="17"/>
      <c r="I29" s="13">
        <v>9356</v>
      </c>
      <c r="J29" s="14">
        <v>4553</v>
      </c>
      <c r="K29" s="14">
        <v>4803</v>
      </c>
    </row>
    <row r="30" spans="1:11" ht="15" customHeight="1">
      <c r="A30" s="17" t="s">
        <v>57</v>
      </c>
      <c r="B30" s="17"/>
      <c r="C30" s="13">
        <v>2710</v>
      </c>
      <c r="D30" s="19">
        <v>1375</v>
      </c>
      <c r="E30" s="19">
        <v>1335</v>
      </c>
      <c r="F30" s="19"/>
      <c r="G30" s="18" t="s">
        <v>58</v>
      </c>
      <c r="H30" s="17"/>
      <c r="I30" s="13">
        <v>2255</v>
      </c>
      <c r="J30" s="19">
        <v>1164</v>
      </c>
      <c r="K30" s="19">
        <v>1091</v>
      </c>
    </row>
    <row r="31" spans="1:11" ht="15" customHeight="1">
      <c r="A31" s="17" t="s">
        <v>59</v>
      </c>
      <c r="B31" s="17"/>
      <c r="C31" s="13">
        <v>2590</v>
      </c>
      <c r="D31" s="19">
        <v>1368</v>
      </c>
      <c r="E31" s="19">
        <v>1222</v>
      </c>
      <c r="F31" s="19"/>
      <c r="G31" s="18" t="s">
        <v>60</v>
      </c>
      <c r="H31" s="17"/>
      <c r="I31" s="13">
        <v>2155</v>
      </c>
      <c r="J31" s="19">
        <v>1048</v>
      </c>
      <c r="K31" s="19">
        <v>1107</v>
      </c>
    </row>
    <row r="32" spans="1:11" ht="15" customHeight="1">
      <c r="A32" s="17" t="s">
        <v>61</v>
      </c>
      <c r="B32" s="17"/>
      <c r="C32" s="13">
        <v>2708</v>
      </c>
      <c r="D32" s="19">
        <v>1418</v>
      </c>
      <c r="E32" s="19">
        <v>1290</v>
      </c>
      <c r="F32" s="19"/>
      <c r="G32" s="18" t="s">
        <v>62</v>
      </c>
      <c r="H32" s="17"/>
      <c r="I32" s="13">
        <v>2167</v>
      </c>
      <c r="J32" s="19">
        <v>1057</v>
      </c>
      <c r="K32" s="19">
        <v>1110</v>
      </c>
    </row>
    <row r="33" spans="1:11" ht="15" customHeight="1">
      <c r="A33" s="17" t="s">
        <v>63</v>
      </c>
      <c r="B33" s="17"/>
      <c r="C33" s="13">
        <v>2469</v>
      </c>
      <c r="D33" s="19">
        <v>1222</v>
      </c>
      <c r="E33" s="19">
        <v>1247</v>
      </c>
      <c r="F33" s="19"/>
      <c r="G33" s="18" t="s">
        <v>64</v>
      </c>
      <c r="H33" s="17"/>
      <c r="I33" s="13">
        <v>1482</v>
      </c>
      <c r="J33" s="19">
        <v>711</v>
      </c>
      <c r="K33" s="19">
        <v>771</v>
      </c>
    </row>
    <row r="34" spans="1:11" ht="15" customHeight="1">
      <c r="A34" s="17" t="s">
        <v>65</v>
      </c>
      <c r="B34" s="17"/>
      <c r="C34" s="13">
        <v>2250</v>
      </c>
      <c r="D34" s="19">
        <v>1175</v>
      </c>
      <c r="E34" s="19">
        <v>1075</v>
      </c>
      <c r="F34" s="19"/>
      <c r="G34" s="18" t="s">
        <v>66</v>
      </c>
      <c r="H34" s="17"/>
      <c r="I34" s="13">
        <v>1297</v>
      </c>
      <c r="J34" s="19">
        <v>573</v>
      </c>
      <c r="K34" s="19">
        <v>724</v>
      </c>
    </row>
    <row r="35" spans="1:11" ht="20.100000000000001" customHeight="1">
      <c r="A35" s="17" t="s">
        <v>67</v>
      </c>
      <c r="B35" s="17"/>
      <c r="C35" s="13">
        <v>10347</v>
      </c>
      <c r="D35" s="14">
        <v>5240</v>
      </c>
      <c r="E35" s="14">
        <v>5107</v>
      </c>
      <c r="F35" s="14"/>
      <c r="G35" s="18" t="s">
        <v>68</v>
      </c>
      <c r="H35" s="17"/>
      <c r="I35" s="13">
        <v>7802</v>
      </c>
      <c r="J35" s="14">
        <v>3552</v>
      </c>
      <c r="K35" s="14">
        <v>4250</v>
      </c>
    </row>
    <row r="36" spans="1:11" ht="15" customHeight="1">
      <c r="A36" s="17" t="s">
        <v>69</v>
      </c>
      <c r="B36" s="17"/>
      <c r="C36" s="13">
        <v>2252</v>
      </c>
      <c r="D36" s="19">
        <v>1115</v>
      </c>
      <c r="E36" s="19">
        <v>1137</v>
      </c>
      <c r="F36" s="19"/>
      <c r="G36" s="18" t="s">
        <v>70</v>
      </c>
      <c r="H36" s="17"/>
      <c r="I36" s="13">
        <v>1563</v>
      </c>
      <c r="J36" s="19">
        <v>707</v>
      </c>
      <c r="K36" s="19">
        <v>856</v>
      </c>
    </row>
    <row r="37" spans="1:11" ht="15" customHeight="1">
      <c r="A37" s="17" t="s">
        <v>71</v>
      </c>
      <c r="B37" s="17"/>
      <c r="C37" s="13">
        <v>2009</v>
      </c>
      <c r="D37" s="19">
        <v>1028</v>
      </c>
      <c r="E37" s="19">
        <v>981</v>
      </c>
      <c r="F37" s="19"/>
      <c r="G37" s="18" t="s">
        <v>72</v>
      </c>
      <c r="H37" s="17"/>
      <c r="I37" s="13">
        <v>1604</v>
      </c>
      <c r="J37" s="19">
        <v>741</v>
      </c>
      <c r="K37" s="19">
        <v>863</v>
      </c>
    </row>
    <row r="38" spans="1:11" ht="15" customHeight="1">
      <c r="A38" s="17" t="s">
        <v>73</v>
      </c>
      <c r="B38" s="17"/>
      <c r="C38" s="13">
        <v>1957</v>
      </c>
      <c r="D38" s="19">
        <v>990</v>
      </c>
      <c r="E38" s="19">
        <v>967</v>
      </c>
      <c r="F38" s="19"/>
      <c r="G38" s="18" t="s">
        <v>74</v>
      </c>
      <c r="H38" s="17"/>
      <c r="I38" s="13">
        <v>1619</v>
      </c>
      <c r="J38" s="19">
        <v>753</v>
      </c>
      <c r="K38" s="19">
        <v>866</v>
      </c>
    </row>
    <row r="39" spans="1:11" ht="15" customHeight="1">
      <c r="A39" s="17" t="s">
        <v>75</v>
      </c>
      <c r="B39" s="17"/>
      <c r="C39" s="13">
        <v>2072</v>
      </c>
      <c r="D39" s="19">
        <v>1031</v>
      </c>
      <c r="E39" s="19">
        <v>1041</v>
      </c>
      <c r="F39" s="19"/>
      <c r="G39" s="18" t="s">
        <v>76</v>
      </c>
      <c r="H39" s="17"/>
      <c r="I39" s="13">
        <v>1607</v>
      </c>
      <c r="J39" s="19">
        <v>723</v>
      </c>
      <c r="K39" s="19">
        <v>884</v>
      </c>
    </row>
    <row r="40" spans="1:11" ht="15" customHeight="1">
      <c r="A40" s="17" t="s">
        <v>77</v>
      </c>
      <c r="B40" s="17"/>
      <c r="C40" s="13">
        <v>2057</v>
      </c>
      <c r="D40" s="19">
        <v>1076</v>
      </c>
      <c r="E40" s="19">
        <v>981</v>
      </c>
      <c r="F40" s="19"/>
      <c r="G40" s="18" t="s">
        <v>78</v>
      </c>
      <c r="H40" s="17"/>
      <c r="I40" s="13">
        <v>1409</v>
      </c>
      <c r="J40" s="19">
        <v>628</v>
      </c>
      <c r="K40" s="19">
        <v>781</v>
      </c>
    </row>
    <row r="41" spans="1:11" ht="20.100000000000001" customHeight="1">
      <c r="A41" s="17" t="s">
        <v>79</v>
      </c>
      <c r="B41" s="17"/>
      <c r="C41" s="13">
        <v>10517</v>
      </c>
      <c r="D41" s="14">
        <v>5325</v>
      </c>
      <c r="E41" s="14">
        <v>5192</v>
      </c>
      <c r="F41" s="14"/>
      <c r="G41" s="18" t="s">
        <v>80</v>
      </c>
      <c r="H41" s="17"/>
      <c r="I41" s="13">
        <v>5685</v>
      </c>
      <c r="J41" s="14">
        <v>2438</v>
      </c>
      <c r="K41" s="14">
        <v>3247</v>
      </c>
    </row>
    <row r="42" spans="1:11" ht="15" customHeight="1">
      <c r="A42" s="17" t="s">
        <v>81</v>
      </c>
      <c r="B42" s="17"/>
      <c r="C42" s="13">
        <v>1985</v>
      </c>
      <c r="D42" s="19">
        <v>1012</v>
      </c>
      <c r="E42" s="19">
        <v>973</v>
      </c>
      <c r="F42" s="19"/>
      <c r="G42" s="18" t="s">
        <v>82</v>
      </c>
      <c r="H42" s="17"/>
      <c r="I42" s="13">
        <v>1190</v>
      </c>
      <c r="J42" s="19">
        <v>512</v>
      </c>
      <c r="K42" s="19">
        <v>678</v>
      </c>
    </row>
    <row r="43" spans="1:11" ht="15" customHeight="1">
      <c r="A43" s="17" t="s">
        <v>83</v>
      </c>
      <c r="B43" s="17"/>
      <c r="C43" s="13">
        <v>2047</v>
      </c>
      <c r="D43" s="19">
        <v>1034</v>
      </c>
      <c r="E43" s="19">
        <v>1013</v>
      </c>
      <c r="F43" s="19"/>
      <c r="G43" s="18" t="s">
        <v>84</v>
      </c>
      <c r="H43" s="17"/>
      <c r="I43" s="13">
        <v>1128</v>
      </c>
      <c r="J43" s="19">
        <v>485</v>
      </c>
      <c r="K43" s="19">
        <v>643</v>
      </c>
    </row>
    <row r="44" spans="1:11" ht="15" customHeight="1">
      <c r="A44" s="17" t="s">
        <v>85</v>
      </c>
      <c r="B44" s="17"/>
      <c r="C44" s="13">
        <v>2004</v>
      </c>
      <c r="D44" s="19">
        <v>1007</v>
      </c>
      <c r="E44" s="19">
        <v>997</v>
      </c>
      <c r="F44" s="19"/>
      <c r="G44" s="18" t="s">
        <v>86</v>
      </c>
      <c r="H44" s="17"/>
      <c r="I44" s="13">
        <v>1231</v>
      </c>
      <c r="J44" s="19">
        <v>518</v>
      </c>
      <c r="K44" s="19">
        <v>713</v>
      </c>
    </row>
    <row r="45" spans="1:11" ht="15" customHeight="1">
      <c r="A45" s="17" t="s">
        <v>87</v>
      </c>
      <c r="B45" s="17"/>
      <c r="C45" s="13">
        <v>2194</v>
      </c>
      <c r="D45" s="19">
        <v>1079</v>
      </c>
      <c r="E45" s="19">
        <v>1115</v>
      </c>
      <c r="F45" s="19"/>
      <c r="G45" s="18" t="s">
        <v>88</v>
      </c>
      <c r="H45" s="17"/>
      <c r="I45" s="13">
        <v>1121</v>
      </c>
      <c r="J45" s="19">
        <v>488</v>
      </c>
      <c r="K45" s="19">
        <v>633</v>
      </c>
    </row>
    <row r="46" spans="1:11" ht="15" customHeight="1">
      <c r="A46" s="17" t="s">
        <v>89</v>
      </c>
      <c r="B46" s="17"/>
      <c r="C46" s="13">
        <v>2287</v>
      </c>
      <c r="D46" s="19">
        <v>1193</v>
      </c>
      <c r="E46" s="19">
        <v>1094</v>
      </c>
      <c r="F46" s="19"/>
      <c r="G46" s="18" t="s">
        <v>90</v>
      </c>
      <c r="H46" s="17"/>
      <c r="I46" s="13">
        <v>1015</v>
      </c>
      <c r="J46" s="19">
        <v>435</v>
      </c>
      <c r="K46" s="19">
        <v>580</v>
      </c>
    </row>
    <row r="47" spans="1:11" ht="20.100000000000001" customHeight="1">
      <c r="A47" s="17" t="s">
        <v>91</v>
      </c>
      <c r="B47" s="17"/>
      <c r="C47" s="13">
        <v>13316</v>
      </c>
      <c r="D47" s="14">
        <v>6567</v>
      </c>
      <c r="E47" s="14">
        <v>6749</v>
      </c>
      <c r="F47" s="14"/>
      <c r="G47" s="18" t="s">
        <v>92</v>
      </c>
      <c r="H47" s="17"/>
      <c r="I47" s="13">
        <v>3659</v>
      </c>
      <c r="J47" s="14">
        <v>1349</v>
      </c>
      <c r="K47" s="14">
        <v>2310</v>
      </c>
    </row>
    <row r="48" spans="1:11" ht="15" customHeight="1">
      <c r="A48" s="17" t="s">
        <v>93</v>
      </c>
      <c r="B48" s="17"/>
      <c r="C48" s="13">
        <v>2447</v>
      </c>
      <c r="D48" s="19">
        <v>1262</v>
      </c>
      <c r="E48" s="19">
        <v>1185</v>
      </c>
      <c r="F48" s="19"/>
      <c r="G48" s="18" t="s">
        <v>94</v>
      </c>
      <c r="H48" s="17"/>
      <c r="I48" s="13">
        <v>797</v>
      </c>
      <c r="J48" s="19">
        <v>337</v>
      </c>
      <c r="K48" s="19">
        <v>460</v>
      </c>
    </row>
    <row r="49" spans="1:11" ht="15" customHeight="1">
      <c r="A49" s="17" t="s">
        <v>95</v>
      </c>
      <c r="B49" s="17"/>
      <c r="C49" s="13">
        <v>2645</v>
      </c>
      <c r="D49" s="19">
        <v>1305</v>
      </c>
      <c r="E49" s="19">
        <v>1340</v>
      </c>
      <c r="F49" s="19"/>
      <c r="G49" s="18" t="s">
        <v>96</v>
      </c>
      <c r="H49" s="17"/>
      <c r="I49" s="13">
        <v>865</v>
      </c>
      <c r="J49" s="19">
        <v>314</v>
      </c>
      <c r="K49" s="19">
        <v>551</v>
      </c>
    </row>
    <row r="50" spans="1:11" ht="15" customHeight="1">
      <c r="A50" s="17" t="s">
        <v>97</v>
      </c>
      <c r="B50" s="17"/>
      <c r="C50" s="13">
        <v>2632</v>
      </c>
      <c r="D50" s="19">
        <v>1263</v>
      </c>
      <c r="E50" s="19">
        <v>1369</v>
      </c>
      <c r="F50" s="19"/>
      <c r="G50" s="18" t="s">
        <v>98</v>
      </c>
      <c r="H50" s="17"/>
      <c r="I50" s="13">
        <v>709</v>
      </c>
      <c r="J50" s="19">
        <v>251</v>
      </c>
      <c r="K50" s="19">
        <v>458</v>
      </c>
    </row>
    <row r="51" spans="1:11" ht="15" customHeight="1">
      <c r="A51" s="17" t="s">
        <v>99</v>
      </c>
      <c r="B51" s="17"/>
      <c r="C51" s="13">
        <v>2698</v>
      </c>
      <c r="D51" s="19">
        <v>1340</v>
      </c>
      <c r="E51" s="19">
        <v>1358</v>
      </c>
      <c r="F51" s="19"/>
      <c r="G51" s="18" t="s">
        <v>100</v>
      </c>
      <c r="H51" s="17"/>
      <c r="I51" s="13">
        <v>703</v>
      </c>
      <c r="J51" s="19">
        <v>247</v>
      </c>
      <c r="K51" s="19">
        <v>456</v>
      </c>
    </row>
    <row r="52" spans="1:11" ht="15" customHeight="1">
      <c r="A52" s="17" t="s">
        <v>101</v>
      </c>
      <c r="B52" s="17"/>
      <c r="C52" s="13">
        <v>2894</v>
      </c>
      <c r="D52" s="19">
        <v>1397</v>
      </c>
      <c r="E52" s="19">
        <v>1497</v>
      </c>
      <c r="F52" s="19"/>
      <c r="G52" s="18" t="s">
        <v>102</v>
      </c>
      <c r="H52" s="17"/>
      <c r="I52" s="13">
        <v>585</v>
      </c>
      <c r="J52" s="19">
        <v>200</v>
      </c>
      <c r="K52" s="19">
        <v>385</v>
      </c>
    </row>
    <row r="53" spans="1:11" ht="20.100000000000001" customHeight="1">
      <c r="A53" s="17" t="s">
        <v>103</v>
      </c>
      <c r="B53" s="17"/>
      <c r="C53" s="13">
        <v>16352</v>
      </c>
      <c r="D53" s="14">
        <v>8007</v>
      </c>
      <c r="E53" s="14">
        <v>8345</v>
      </c>
      <c r="F53" s="14"/>
      <c r="G53" s="18" t="s">
        <v>104</v>
      </c>
      <c r="H53" s="17"/>
      <c r="I53" s="13">
        <v>1967</v>
      </c>
      <c r="J53" s="14">
        <v>519</v>
      </c>
      <c r="K53" s="14">
        <v>1448</v>
      </c>
    </row>
    <row r="54" spans="1:11" ht="15" customHeight="1">
      <c r="A54" s="17" t="s">
        <v>105</v>
      </c>
      <c r="B54" s="17"/>
      <c r="C54" s="13">
        <v>2991</v>
      </c>
      <c r="D54" s="19">
        <v>1441</v>
      </c>
      <c r="E54" s="19">
        <v>1550</v>
      </c>
      <c r="F54" s="19"/>
      <c r="G54" s="18" t="s">
        <v>106</v>
      </c>
      <c r="H54" s="17"/>
      <c r="I54" s="13">
        <v>494</v>
      </c>
      <c r="J54" s="19">
        <v>145</v>
      </c>
      <c r="K54" s="19">
        <v>349</v>
      </c>
    </row>
    <row r="55" spans="1:11" ht="15" customHeight="1">
      <c r="A55" s="17" t="s">
        <v>107</v>
      </c>
      <c r="B55" s="17"/>
      <c r="C55" s="13">
        <v>3131</v>
      </c>
      <c r="D55" s="19">
        <v>1553</v>
      </c>
      <c r="E55" s="19">
        <v>1578</v>
      </c>
      <c r="F55" s="19"/>
      <c r="G55" s="18" t="s">
        <v>108</v>
      </c>
      <c r="H55" s="17"/>
      <c r="I55" s="13">
        <v>438</v>
      </c>
      <c r="J55" s="19">
        <v>122</v>
      </c>
      <c r="K55" s="19">
        <v>316</v>
      </c>
    </row>
    <row r="56" spans="1:11" ht="15" customHeight="1">
      <c r="A56" s="17" t="s">
        <v>109</v>
      </c>
      <c r="B56" s="17"/>
      <c r="C56" s="13">
        <v>3274</v>
      </c>
      <c r="D56" s="19">
        <v>1590</v>
      </c>
      <c r="E56" s="19">
        <v>1684</v>
      </c>
      <c r="F56" s="19"/>
      <c r="G56" s="18" t="s">
        <v>110</v>
      </c>
      <c r="H56" s="17"/>
      <c r="I56" s="13">
        <v>405</v>
      </c>
      <c r="J56" s="19">
        <v>103</v>
      </c>
      <c r="K56" s="19">
        <v>302</v>
      </c>
    </row>
    <row r="57" spans="1:11" ht="15" customHeight="1">
      <c r="A57" s="17" t="s">
        <v>111</v>
      </c>
      <c r="B57" s="17"/>
      <c r="C57" s="13">
        <v>3371</v>
      </c>
      <c r="D57" s="19">
        <v>1678</v>
      </c>
      <c r="E57" s="19">
        <v>1693</v>
      </c>
      <c r="F57" s="19"/>
      <c r="G57" s="18" t="s">
        <v>112</v>
      </c>
      <c r="H57" s="17"/>
      <c r="I57" s="13">
        <v>336</v>
      </c>
      <c r="J57" s="19">
        <v>75</v>
      </c>
      <c r="K57" s="19">
        <v>261</v>
      </c>
    </row>
    <row r="58" spans="1:11" ht="15" customHeight="1">
      <c r="A58" s="17" t="s">
        <v>113</v>
      </c>
      <c r="B58" s="17"/>
      <c r="C58" s="13">
        <v>3585</v>
      </c>
      <c r="D58" s="19">
        <v>1745</v>
      </c>
      <c r="E58" s="19">
        <v>1840</v>
      </c>
      <c r="F58" s="19"/>
      <c r="G58" s="18" t="s">
        <v>114</v>
      </c>
      <c r="H58" s="17"/>
      <c r="I58" s="13">
        <v>294</v>
      </c>
      <c r="J58" s="19">
        <v>74</v>
      </c>
      <c r="K58" s="19">
        <v>220</v>
      </c>
    </row>
    <row r="59" spans="1:11" ht="20.100000000000001" customHeight="1">
      <c r="A59" s="17" t="s">
        <v>115</v>
      </c>
      <c r="B59" s="17"/>
      <c r="C59" s="13">
        <v>20326</v>
      </c>
      <c r="D59" s="14">
        <v>9918</v>
      </c>
      <c r="E59" s="14">
        <v>10408</v>
      </c>
      <c r="F59" s="14"/>
      <c r="G59" s="18" t="s">
        <v>116</v>
      </c>
      <c r="H59" s="17"/>
      <c r="I59" s="13">
        <v>705</v>
      </c>
      <c r="J59" s="14">
        <v>139</v>
      </c>
      <c r="K59" s="14">
        <v>566</v>
      </c>
    </row>
    <row r="60" spans="1:11" ht="15" customHeight="1">
      <c r="A60" s="17" t="s">
        <v>117</v>
      </c>
      <c r="B60" s="17"/>
      <c r="C60" s="13">
        <v>3895</v>
      </c>
      <c r="D60" s="19">
        <v>1922</v>
      </c>
      <c r="E60" s="19">
        <v>1973</v>
      </c>
      <c r="F60" s="19"/>
      <c r="G60" s="18" t="s">
        <v>118</v>
      </c>
      <c r="H60" s="17"/>
      <c r="I60" s="13">
        <v>222</v>
      </c>
      <c r="J60" s="19">
        <v>59</v>
      </c>
      <c r="K60" s="19">
        <v>163</v>
      </c>
    </row>
    <row r="61" spans="1:11" ht="15" customHeight="1">
      <c r="A61" s="17" t="s">
        <v>119</v>
      </c>
      <c r="B61" s="17"/>
      <c r="C61" s="13">
        <v>4080</v>
      </c>
      <c r="D61" s="19">
        <v>2009</v>
      </c>
      <c r="E61" s="19">
        <v>2071</v>
      </c>
      <c r="F61" s="19"/>
      <c r="G61" s="18" t="s">
        <v>120</v>
      </c>
      <c r="H61" s="17"/>
      <c r="I61" s="13">
        <v>149</v>
      </c>
      <c r="J61" s="19">
        <v>27</v>
      </c>
      <c r="K61" s="19">
        <v>122</v>
      </c>
    </row>
    <row r="62" spans="1:11" ht="15" customHeight="1">
      <c r="A62" s="17" t="s">
        <v>121</v>
      </c>
      <c r="B62" s="17"/>
      <c r="C62" s="13">
        <v>4180</v>
      </c>
      <c r="D62" s="19">
        <v>1981</v>
      </c>
      <c r="E62" s="19">
        <v>2199</v>
      </c>
      <c r="F62" s="19"/>
      <c r="G62" s="18" t="s">
        <v>122</v>
      </c>
      <c r="H62" s="17"/>
      <c r="I62" s="13">
        <v>122</v>
      </c>
      <c r="J62" s="19">
        <v>24</v>
      </c>
      <c r="K62" s="19">
        <v>98</v>
      </c>
    </row>
    <row r="63" spans="1:11" ht="15" customHeight="1">
      <c r="A63" s="17" t="s">
        <v>123</v>
      </c>
      <c r="B63" s="17"/>
      <c r="C63" s="13">
        <v>4010</v>
      </c>
      <c r="D63" s="19">
        <v>1942</v>
      </c>
      <c r="E63" s="19">
        <v>2068</v>
      </c>
      <c r="F63" s="19"/>
      <c r="G63" s="18" t="s">
        <v>124</v>
      </c>
      <c r="H63" s="17"/>
      <c r="I63" s="13">
        <v>132</v>
      </c>
      <c r="J63" s="19">
        <v>14</v>
      </c>
      <c r="K63" s="19">
        <v>118</v>
      </c>
    </row>
    <row r="64" spans="1:11" ht="15" customHeight="1">
      <c r="A64" s="17" t="s">
        <v>125</v>
      </c>
      <c r="B64" s="17"/>
      <c r="C64" s="13">
        <v>4161</v>
      </c>
      <c r="D64" s="19">
        <v>2064</v>
      </c>
      <c r="E64" s="19">
        <v>2097</v>
      </c>
      <c r="F64" s="19"/>
      <c r="G64" s="18" t="s">
        <v>126</v>
      </c>
      <c r="H64" s="17"/>
      <c r="I64" s="13">
        <v>80</v>
      </c>
      <c r="J64" s="19">
        <v>15</v>
      </c>
      <c r="K64" s="19">
        <v>6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9</v>
      </c>
      <c r="J65" s="19">
        <v>30</v>
      </c>
      <c r="K65" s="19">
        <v>1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03</v>
      </c>
      <c r="J66" s="29">
        <v>701</v>
      </c>
      <c r="K66" s="29">
        <v>10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O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5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31646</v>
      </c>
      <c r="D4" s="14">
        <v>774658</v>
      </c>
      <c r="E4" s="14">
        <v>75698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6448</v>
      </c>
      <c r="D5" s="14">
        <v>34053</v>
      </c>
      <c r="E5" s="14">
        <v>32395</v>
      </c>
      <c r="F5" s="14"/>
      <c r="G5" s="18" t="s">
        <v>8</v>
      </c>
      <c r="H5" s="17"/>
      <c r="I5" s="13">
        <v>114576</v>
      </c>
      <c r="J5" s="14">
        <v>60329</v>
      </c>
      <c r="K5" s="14">
        <v>54247</v>
      </c>
    </row>
    <row r="6" spans="1:11" ht="15" customHeight="1">
      <c r="A6" s="17" t="s">
        <v>9</v>
      </c>
      <c r="B6" s="17"/>
      <c r="C6" s="13">
        <v>13330</v>
      </c>
      <c r="D6" s="19">
        <v>6877</v>
      </c>
      <c r="E6" s="19">
        <v>6453</v>
      </c>
      <c r="F6" s="19"/>
      <c r="G6" s="18" t="s">
        <v>10</v>
      </c>
      <c r="H6" s="17"/>
      <c r="I6" s="13">
        <v>24870</v>
      </c>
      <c r="J6" s="19">
        <v>13023</v>
      </c>
      <c r="K6" s="19">
        <v>11847</v>
      </c>
    </row>
    <row r="7" spans="1:11" ht="15" customHeight="1">
      <c r="A7" s="17" t="s">
        <v>11</v>
      </c>
      <c r="B7" s="17"/>
      <c r="C7" s="13">
        <v>13443</v>
      </c>
      <c r="D7" s="19">
        <v>6942</v>
      </c>
      <c r="E7" s="19">
        <v>6501</v>
      </c>
      <c r="F7" s="19"/>
      <c r="G7" s="18" t="s">
        <v>12</v>
      </c>
      <c r="H7" s="17"/>
      <c r="I7" s="13">
        <v>24485</v>
      </c>
      <c r="J7" s="19">
        <v>12852</v>
      </c>
      <c r="K7" s="19">
        <v>11633</v>
      </c>
    </row>
    <row r="8" spans="1:11" ht="15" customHeight="1">
      <c r="A8" s="17" t="s">
        <v>13</v>
      </c>
      <c r="B8" s="17"/>
      <c r="C8" s="13">
        <v>13473</v>
      </c>
      <c r="D8" s="19">
        <v>6901</v>
      </c>
      <c r="E8" s="19">
        <v>6572</v>
      </c>
      <c r="F8" s="19"/>
      <c r="G8" s="18" t="s">
        <v>14</v>
      </c>
      <c r="H8" s="17"/>
      <c r="I8" s="13">
        <v>24836</v>
      </c>
      <c r="J8" s="19">
        <v>13137</v>
      </c>
      <c r="K8" s="19">
        <v>11699</v>
      </c>
    </row>
    <row r="9" spans="1:11" ht="15" customHeight="1">
      <c r="A9" s="17" t="s">
        <v>15</v>
      </c>
      <c r="B9" s="17"/>
      <c r="C9" s="13">
        <v>13633</v>
      </c>
      <c r="D9" s="19">
        <v>6975</v>
      </c>
      <c r="E9" s="19">
        <v>6658</v>
      </c>
      <c r="F9" s="19"/>
      <c r="G9" s="18" t="s">
        <v>16</v>
      </c>
      <c r="H9" s="17"/>
      <c r="I9" s="13">
        <v>17766</v>
      </c>
      <c r="J9" s="19">
        <v>9405</v>
      </c>
      <c r="K9" s="19">
        <v>8361</v>
      </c>
    </row>
    <row r="10" spans="1:11" ht="15" customHeight="1">
      <c r="A10" s="17" t="s">
        <v>17</v>
      </c>
      <c r="B10" s="17"/>
      <c r="C10" s="13">
        <v>12569</v>
      </c>
      <c r="D10" s="19">
        <v>6358</v>
      </c>
      <c r="E10" s="19">
        <v>6211</v>
      </c>
      <c r="F10" s="19"/>
      <c r="G10" s="18" t="s">
        <v>18</v>
      </c>
      <c r="H10" s="17"/>
      <c r="I10" s="13">
        <v>22619</v>
      </c>
      <c r="J10" s="19">
        <v>11912</v>
      </c>
      <c r="K10" s="19">
        <v>10707</v>
      </c>
    </row>
    <row r="11" spans="1:11" ht="20.100000000000001" customHeight="1">
      <c r="A11" s="17" t="s">
        <v>19</v>
      </c>
      <c r="B11" s="17"/>
      <c r="C11" s="13">
        <v>60863</v>
      </c>
      <c r="D11" s="14">
        <v>31234</v>
      </c>
      <c r="E11" s="14">
        <v>29629</v>
      </c>
      <c r="F11" s="14"/>
      <c r="G11" s="18" t="s">
        <v>20</v>
      </c>
      <c r="H11" s="17"/>
      <c r="I11" s="13">
        <v>90814</v>
      </c>
      <c r="J11" s="14">
        <v>48126</v>
      </c>
      <c r="K11" s="14">
        <v>42688</v>
      </c>
    </row>
    <row r="12" spans="1:11" ht="15" customHeight="1">
      <c r="A12" s="17" t="s">
        <v>21</v>
      </c>
      <c r="B12" s="17"/>
      <c r="C12" s="13">
        <v>12267</v>
      </c>
      <c r="D12" s="19">
        <v>6280</v>
      </c>
      <c r="E12" s="19">
        <v>5987</v>
      </c>
      <c r="F12" s="19"/>
      <c r="G12" s="18" t="s">
        <v>22</v>
      </c>
      <c r="H12" s="17"/>
      <c r="I12" s="13">
        <v>20483</v>
      </c>
      <c r="J12" s="19">
        <v>10965</v>
      </c>
      <c r="K12" s="19">
        <v>9518</v>
      </c>
    </row>
    <row r="13" spans="1:11" ht="15" customHeight="1">
      <c r="A13" s="17" t="s">
        <v>23</v>
      </c>
      <c r="B13" s="17"/>
      <c r="C13" s="13">
        <v>12169</v>
      </c>
      <c r="D13" s="19">
        <v>6169</v>
      </c>
      <c r="E13" s="19">
        <v>6000</v>
      </c>
      <c r="F13" s="19"/>
      <c r="G13" s="18" t="s">
        <v>24</v>
      </c>
      <c r="H13" s="17"/>
      <c r="I13" s="13">
        <v>19305</v>
      </c>
      <c r="J13" s="19">
        <v>10207</v>
      </c>
      <c r="K13" s="19">
        <v>9098</v>
      </c>
    </row>
    <row r="14" spans="1:11" ht="15" customHeight="1">
      <c r="A14" s="17" t="s">
        <v>25</v>
      </c>
      <c r="B14" s="17"/>
      <c r="C14" s="13">
        <v>12153</v>
      </c>
      <c r="D14" s="19">
        <v>6295</v>
      </c>
      <c r="E14" s="19">
        <v>5858</v>
      </c>
      <c r="F14" s="19"/>
      <c r="G14" s="18" t="s">
        <v>26</v>
      </c>
      <c r="H14" s="17"/>
      <c r="I14" s="13">
        <v>17976</v>
      </c>
      <c r="J14" s="19">
        <v>9584</v>
      </c>
      <c r="K14" s="19">
        <v>8392</v>
      </c>
    </row>
    <row r="15" spans="1:11" ht="15" customHeight="1">
      <c r="A15" s="17" t="s">
        <v>27</v>
      </c>
      <c r="B15" s="17"/>
      <c r="C15" s="13">
        <v>12155</v>
      </c>
      <c r="D15" s="19">
        <v>6253</v>
      </c>
      <c r="E15" s="19">
        <v>5902</v>
      </c>
      <c r="F15" s="19"/>
      <c r="G15" s="18" t="s">
        <v>28</v>
      </c>
      <c r="H15" s="17"/>
      <c r="I15" s="13">
        <v>16907</v>
      </c>
      <c r="J15" s="19">
        <v>8837</v>
      </c>
      <c r="K15" s="19">
        <v>8070</v>
      </c>
    </row>
    <row r="16" spans="1:11" ht="15" customHeight="1">
      <c r="A16" s="17" t="s">
        <v>29</v>
      </c>
      <c r="B16" s="17"/>
      <c r="C16" s="13">
        <v>12119</v>
      </c>
      <c r="D16" s="19">
        <v>6237</v>
      </c>
      <c r="E16" s="19">
        <v>5882</v>
      </c>
      <c r="F16" s="19"/>
      <c r="G16" s="18" t="s">
        <v>30</v>
      </c>
      <c r="H16" s="17"/>
      <c r="I16" s="13">
        <v>16143</v>
      </c>
      <c r="J16" s="19">
        <v>8533</v>
      </c>
      <c r="K16" s="19">
        <v>7610</v>
      </c>
    </row>
    <row r="17" spans="1:11" ht="20.100000000000001" customHeight="1">
      <c r="A17" s="20" t="s">
        <v>31</v>
      </c>
      <c r="B17" s="20"/>
      <c r="C17" s="13">
        <v>59530</v>
      </c>
      <c r="D17" s="14">
        <v>30489</v>
      </c>
      <c r="E17" s="14">
        <v>29041</v>
      </c>
      <c r="F17" s="14"/>
      <c r="G17" s="18" t="s">
        <v>32</v>
      </c>
      <c r="H17" s="17"/>
      <c r="I17" s="13">
        <v>71696</v>
      </c>
      <c r="J17" s="14">
        <v>36965</v>
      </c>
      <c r="K17" s="14">
        <v>34731</v>
      </c>
    </row>
    <row r="18" spans="1:11" ht="15" customHeight="1">
      <c r="A18" s="17" t="s">
        <v>33</v>
      </c>
      <c r="B18" s="17"/>
      <c r="C18" s="13">
        <v>12050</v>
      </c>
      <c r="D18" s="19">
        <v>6157</v>
      </c>
      <c r="E18" s="19">
        <v>5893</v>
      </c>
      <c r="F18" s="19"/>
      <c r="G18" s="18" t="s">
        <v>34</v>
      </c>
      <c r="H18" s="17"/>
      <c r="I18" s="13">
        <v>15382</v>
      </c>
      <c r="J18" s="19">
        <v>8055</v>
      </c>
      <c r="K18" s="19">
        <v>7327</v>
      </c>
    </row>
    <row r="19" spans="1:11" ht="15" customHeight="1">
      <c r="A19" s="17" t="s">
        <v>35</v>
      </c>
      <c r="B19" s="17"/>
      <c r="C19" s="13">
        <v>12190</v>
      </c>
      <c r="D19" s="19">
        <v>6261</v>
      </c>
      <c r="E19" s="19">
        <v>5929</v>
      </c>
      <c r="F19" s="19"/>
      <c r="G19" s="18" t="s">
        <v>36</v>
      </c>
      <c r="H19" s="17"/>
      <c r="I19" s="13">
        <v>15009</v>
      </c>
      <c r="J19" s="19">
        <v>7730</v>
      </c>
      <c r="K19" s="19">
        <v>7279</v>
      </c>
    </row>
    <row r="20" spans="1:11" ht="15" customHeight="1">
      <c r="A20" s="17" t="s">
        <v>37</v>
      </c>
      <c r="B20" s="17"/>
      <c r="C20" s="13">
        <v>11991</v>
      </c>
      <c r="D20" s="19">
        <v>6164</v>
      </c>
      <c r="E20" s="19">
        <v>5827</v>
      </c>
      <c r="F20" s="19"/>
      <c r="G20" s="18" t="s">
        <v>38</v>
      </c>
      <c r="H20" s="17"/>
      <c r="I20" s="13">
        <v>13628</v>
      </c>
      <c r="J20" s="19">
        <v>6991</v>
      </c>
      <c r="K20" s="19">
        <v>6637</v>
      </c>
    </row>
    <row r="21" spans="1:11" ht="15" customHeight="1">
      <c r="A21" s="17" t="s">
        <v>39</v>
      </c>
      <c r="B21" s="17"/>
      <c r="C21" s="13">
        <v>11895</v>
      </c>
      <c r="D21" s="19">
        <v>6102</v>
      </c>
      <c r="E21" s="19">
        <v>5793</v>
      </c>
      <c r="F21" s="19"/>
      <c r="G21" s="18" t="s">
        <v>40</v>
      </c>
      <c r="H21" s="17"/>
      <c r="I21" s="13">
        <v>13905</v>
      </c>
      <c r="J21" s="19">
        <v>7181</v>
      </c>
      <c r="K21" s="19">
        <v>6724</v>
      </c>
    </row>
    <row r="22" spans="1:11" ht="15" customHeight="1">
      <c r="A22" s="17" t="s">
        <v>41</v>
      </c>
      <c r="B22" s="17"/>
      <c r="C22" s="13">
        <v>11404</v>
      </c>
      <c r="D22" s="19">
        <v>5805</v>
      </c>
      <c r="E22" s="19">
        <v>5599</v>
      </c>
      <c r="F22" s="19"/>
      <c r="G22" s="18" t="s">
        <v>42</v>
      </c>
      <c r="H22" s="17"/>
      <c r="I22" s="13">
        <v>13772</v>
      </c>
      <c r="J22" s="19">
        <v>7008</v>
      </c>
      <c r="K22" s="19">
        <v>6764</v>
      </c>
    </row>
    <row r="23" spans="1:11" ht="20.100000000000001" customHeight="1">
      <c r="A23" s="17" t="s">
        <v>43</v>
      </c>
      <c r="B23" s="17"/>
      <c r="C23" s="13">
        <v>61563</v>
      </c>
      <c r="D23" s="14">
        <v>31432</v>
      </c>
      <c r="E23" s="14">
        <v>30131</v>
      </c>
      <c r="F23" s="14"/>
      <c r="G23" s="18" t="s">
        <v>44</v>
      </c>
      <c r="H23" s="17"/>
      <c r="I23" s="13">
        <v>73497</v>
      </c>
      <c r="J23" s="14">
        <v>36769</v>
      </c>
      <c r="K23" s="14">
        <v>36728</v>
      </c>
    </row>
    <row r="24" spans="1:11" ht="15" customHeight="1">
      <c r="A24" s="17" t="s">
        <v>45</v>
      </c>
      <c r="B24" s="17"/>
      <c r="C24" s="13">
        <v>11766</v>
      </c>
      <c r="D24" s="19">
        <v>6121</v>
      </c>
      <c r="E24" s="19">
        <v>5645</v>
      </c>
      <c r="F24" s="19"/>
      <c r="G24" s="18" t="s">
        <v>46</v>
      </c>
      <c r="H24" s="17"/>
      <c r="I24" s="13">
        <v>13460</v>
      </c>
      <c r="J24" s="19">
        <v>6744</v>
      </c>
      <c r="K24" s="19">
        <v>6716</v>
      </c>
    </row>
    <row r="25" spans="1:11" ht="15" customHeight="1">
      <c r="A25" s="17" t="s">
        <v>47</v>
      </c>
      <c r="B25" s="17"/>
      <c r="C25" s="13">
        <v>11583</v>
      </c>
      <c r="D25" s="19">
        <v>5907</v>
      </c>
      <c r="E25" s="19">
        <v>5676</v>
      </c>
      <c r="F25" s="19"/>
      <c r="G25" s="18" t="s">
        <v>48</v>
      </c>
      <c r="H25" s="17"/>
      <c r="I25" s="13">
        <v>13973</v>
      </c>
      <c r="J25" s="19">
        <v>7069</v>
      </c>
      <c r="K25" s="19">
        <v>6904</v>
      </c>
    </row>
    <row r="26" spans="1:11" ht="15" customHeight="1">
      <c r="A26" s="17" t="s">
        <v>49</v>
      </c>
      <c r="B26" s="17"/>
      <c r="C26" s="13">
        <v>11884</v>
      </c>
      <c r="D26" s="19">
        <v>5997</v>
      </c>
      <c r="E26" s="19">
        <v>5887</v>
      </c>
      <c r="F26" s="19"/>
      <c r="G26" s="18" t="s">
        <v>50</v>
      </c>
      <c r="H26" s="17"/>
      <c r="I26" s="13">
        <v>14860</v>
      </c>
      <c r="J26" s="19">
        <v>7494</v>
      </c>
      <c r="K26" s="19">
        <v>7366</v>
      </c>
    </row>
    <row r="27" spans="1:11" ht="15" customHeight="1">
      <c r="A27" s="17" t="s">
        <v>51</v>
      </c>
      <c r="B27" s="17"/>
      <c r="C27" s="13">
        <v>12317</v>
      </c>
      <c r="D27" s="19">
        <v>6228</v>
      </c>
      <c r="E27" s="19">
        <v>6089</v>
      </c>
      <c r="F27" s="19"/>
      <c r="G27" s="18" t="s">
        <v>52</v>
      </c>
      <c r="H27" s="17"/>
      <c r="I27" s="13">
        <v>15032</v>
      </c>
      <c r="J27" s="19">
        <v>7421</v>
      </c>
      <c r="K27" s="19">
        <v>7611</v>
      </c>
    </row>
    <row r="28" spans="1:11" ht="15" customHeight="1">
      <c r="A28" s="17" t="s">
        <v>53</v>
      </c>
      <c r="B28" s="17"/>
      <c r="C28" s="13">
        <v>14013</v>
      </c>
      <c r="D28" s="19">
        <v>7179</v>
      </c>
      <c r="E28" s="19">
        <v>6834</v>
      </c>
      <c r="F28" s="19"/>
      <c r="G28" s="18" t="s">
        <v>54</v>
      </c>
      <c r="H28" s="17"/>
      <c r="I28" s="13">
        <v>16172</v>
      </c>
      <c r="J28" s="19">
        <v>8041</v>
      </c>
      <c r="K28" s="19">
        <v>8131</v>
      </c>
    </row>
    <row r="29" spans="1:11" ht="20.100000000000001" customHeight="1">
      <c r="A29" s="17" t="s">
        <v>55</v>
      </c>
      <c r="B29" s="17"/>
      <c r="C29" s="13">
        <v>92449</v>
      </c>
      <c r="D29" s="14">
        <v>47561</v>
      </c>
      <c r="E29" s="14">
        <v>44888</v>
      </c>
      <c r="F29" s="14"/>
      <c r="G29" s="18" t="s">
        <v>56</v>
      </c>
      <c r="H29" s="17"/>
      <c r="I29" s="13">
        <v>75139</v>
      </c>
      <c r="J29" s="14">
        <v>36075</v>
      </c>
      <c r="K29" s="14">
        <v>39064</v>
      </c>
    </row>
    <row r="30" spans="1:11" ht="15" customHeight="1">
      <c r="A30" s="17" t="s">
        <v>57</v>
      </c>
      <c r="B30" s="17"/>
      <c r="C30" s="13">
        <v>14271</v>
      </c>
      <c r="D30" s="19">
        <v>7234</v>
      </c>
      <c r="E30" s="19">
        <v>7037</v>
      </c>
      <c r="F30" s="19"/>
      <c r="G30" s="18" t="s">
        <v>58</v>
      </c>
      <c r="H30" s="17"/>
      <c r="I30" s="13">
        <v>18058</v>
      </c>
      <c r="J30" s="19">
        <v>8739</v>
      </c>
      <c r="K30" s="19">
        <v>9319</v>
      </c>
    </row>
    <row r="31" spans="1:11" ht="15" customHeight="1">
      <c r="A31" s="17" t="s">
        <v>59</v>
      </c>
      <c r="B31" s="17"/>
      <c r="C31" s="13">
        <v>15913</v>
      </c>
      <c r="D31" s="19">
        <v>8026</v>
      </c>
      <c r="E31" s="19">
        <v>7887</v>
      </c>
      <c r="F31" s="19"/>
      <c r="G31" s="18" t="s">
        <v>60</v>
      </c>
      <c r="H31" s="17"/>
      <c r="I31" s="13">
        <v>17707</v>
      </c>
      <c r="J31" s="19">
        <v>8642</v>
      </c>
      <c r="K31" s="19">
        <v>9065</v>
      </c>
    </row>
    <row r="32" spans="1:11" ht="15" customHeight="1">
      <c r="A32" s="17" t="s">
        <v>61</v>
      </c>
      <c r="B32" s="17"/>
      <c r="C32" s="13">
        <v>17725</v>
      </c>
      <c r="D32" s="19">
        <v>9055</v>
      </c>
      <c r="E32" s="19">
        <v>8670</v>
      </c>
      <c r="F32" s="19"/>
      <c r="G32" s="18" t="s">
        <v>62</v>
      </c>
      <c r="H32" s="17"/>
      <c r="I32" s="13">
        <v>16960</v>
      </c>
      <c r="J32" s="19">
        <v>8110</v>
      </c>
      <c r="K32" s="19">
        <v>8850</v>
      </c>
    </row>
    <row r="33" spans="1:11" ht="15" customHeight="1">
      <c r="A33" s="17" t="s">
        <v>63</v>
      </c>
      <c r="B33" s="17"/>
      <c r="C33" s="13">
        <v>21929</v>
      </c>
      <c r="D33" s="19">
        <v>11215</v>
      </c>
      <c r="E33" s="19">
        <v>10714</v>
      </c>
      <c r="F33" s="19"/>
      <c r="G33" s="18" t="s">
        <v>64</v>
      </c>
      <c r="H33" s="17"/>
      <c r="I33" s="13">
        <v>11810</v>
      </c>
      <c r="J33" s="19">
        <v>5614</v>
      </c>
      <c r="K33" s="19">
        <v>6196</v>
      </c>
    </row>
    <row r="34" spans="1:11" ht="15" customHeight="1">
      <c r="A34" s="17" t="s">
        <v>65</v>
      </c>
      <c r="B34" s="17"/>
      <c r="C34" s="13">
        <v>22611</v>
      </c>
      <c r="D34" s="19">
        <v>12031</v>
      </c>
      <c r="E34" s="19">
        <v>10580</v>
      </c>
      <c r="F34" s="19"/>
      <c r="G34" s="18" t="s">
        <v>66</v>
      </c>
      <c r="H34" s="17"/>
      <c r="I34" s="13">
        <v>10604</v>
      </c>
      <c r="J34" s="19">
        <v>4970</v>
      </c>
      <c r="K34" s="19">
        <v>5634</v>
      </c>
    </row>
    <row r="35" spans="1:11" ht="20.100000000000001" customHeight="1">
      <c r="A35" s="17" t="s">
        <v>67</v>
      </c>
      <c r="B35" s="17"/>
      <c r="C35" s="13">
        <v>109222</v>
      </c>
      <c r="D35" s="14">
        <v>57618</v>
      </c>
      <c r="E35" s="14">
        <v>51604</v>
      </c>
      <c r="F35" s="14"/>
      <c r="G35" s="18" t="s">
        <v>68</v>
      </c>
      <c r="H35" s="17"/>
      <c r="I35" s="13">
        <v>62081</v>
      </c>
      <c r="J35" s="14">
        <v>28165</v>
      </c>
      <c r="K35" s="14">
        <v>33916</v>
      </c>
    </row>
    <row r="36" spans="1:11" ht="15" customHeight="1">
      <c r="A36" s="17" t="s">
        <v>69</v>
      </c>
      <c r="B36" s="17"/>
      <c r="C36" s="13">
        <v>23461</v>
      </c>
      <c r="D36" s="19">
        <v>12237</v>
      </c>
      <c r="E36" s="19">
        <v>11224</v>
      </c>
      <c r="F36" s="19"/>
      <c r="G36" s="18" t="s">
        <v>70</v>
      </c>
      <c r="H36" s="17"/>
      <c r="I36" s="13">
        <v>12845</v>
      </c>
      <c r="J36" s="19">
        <v>5964</v>
      </c>
      <c r="K36" s="19">
        <v>6881</v>
      </c>
    </row>
    <row r="37" spans="1:11" ht="15" customHeight="1">
      <c r="A37" s="17" t="s">
        <v>71</v>
      </c>
      <c r="B37" s="17"/>
      <c r="C37" s="13">
        <v>22154</v>
      </c>
      <c r="D37" s="19">
        <v>11778</v>
      </c>
      <c r="E37" s="19">
        <v>10376</v>
      </c>
      <c r="F37" s="19"/>
      <c r="G37" s="18" t="s">
        <v>72</v>
      </c>
      <c r="H37" s="17"/>
      <c r="I37" s="13">
        <v>13448</v>
      </c>
      <c r="J37" s="19">
        <v>6201</v>
      </c>
      <c r="K37" s="19">
        <v>7247</v>
      </c>
    </row>
    <row r="38" spans="1:11" ht="15" customHeight="1">
      <c r="A38" s="17" t="s">
        <v>73</v>
      </c>
      <c r="B38" s="17"/>
      <c r="C38" s="13">
        <v>21732</v>
      </c>
      <c r="D38" s="19">
        <v>11518</v>
      </c>
      <c r="E38" s="19">
        <v>10214</v>
      </c>
      <c r="F38" s="19"/>
      <c r="G38" s="18" t="s">
        <v>74</v>
      </c>
      <c r="H38" s="17"/>
      <c r="I38" s="13">
        <v>12452</v>
      </c>
      <c r="J38" s="19">
        <v>5586</v>
      </c>
      <c r="K38" s="19">
        <v>6866</v>
      </c>
    </row>
    <row r="39" spans="1:11" ht="15" customHeight="1">
      <c r="A39" s="17" t="s">
        <v>75</v>
      </c>
      <c r="B39" s="17"/>
      <c r="C39" s="13">
        <v>21289</v>
      </c>
      <c r="D39" s="19">
        <v>11320</v>
      </c>
      <c r="E39" s="19">
        <v>9969</v>
      </c>
      <c r="F39" s="19"/>
      <c r="G39" s="18" t="s">
        <v>76</v>
      </c>
      <c r="H39" s="17"/>
      <c r="I39" s="13">
        <v>12399</v>
      </c>
      <c r="J39" s="19">
        <v>5593</v>
      </c>
      <c r="K39" s="19">
        <v>6806</v>
      </c>
    </row>
    <row r="40" spans="1:11" ht="15" customHeight="1">
      <c r="A40" s="17" t="s">
        <v>77</v>
      </c>
      <c r="B40" s="17"/>
      <c r="C40" s="13">
        <v>20586</v>
      </c>
      <c r="D40" s="19">
        <v>10765</v>
      </c>
      <c r="E40" s="19">
        <v>9821</v>
      </c>
      <c r="F40" s="19"/>
      <c r="G40" s="18" t="s">
        <v>78</v>
      </c>
      <c r="H40" s="17"/>
      <c r="I40" s="13">
        <v>10937</v>
      </c>
      <c r="J40" s="19">
        <v>4821</v>
      </c>
      <c r="K40" s="19">
        <v>6116</v>
      </c>
    </row>
    <row r="41" spans="1:11" ht="20.100000000000001" customHeight="1">
      <c r="A41" s="17" t="s">
        <v>79</v>
      </c>
      <c r="B41" s="17"/>
      <c r="C41" s="13">
        <v>104923</v>
      </c>
      <c r="D41" s="14">
        <v>54595</v>
      </c>
      <c r="E41" s="14">
        <v>50328</v>
      </c>
      <c r="F41" s="14"/>
      <c r="G41" s="18" t="s">
        <v>80</v>
      </c>
      <c r="H41" s="17"/>
      <c r="I41" s="13">
        <v>44478</v>
      </c>
      <c r="J41" s="14">
        <v>18447</v>
      </c>
      <c r="K41" s="14">
        <v>26031</v>
      </c>
    </row>
    <row r="42" spans="1:11" ht="15" customHeight="1">
      <c r="A42" s="17" t="s">
        <v>81</v>
      </c>
      <c r="B42" s="17"/>
      <c r="C42" s="13">
        <v>20452</v>
      </c>
      <c r="D42" s="19">
        <v>10598</v>
      </c>
      <c r="E42" s="19">
        <v>9854</v>
      </c>
      <c r="F42" s="19"/>
      <c r="G42" s="18" t="s">
        <v>82</v>
      </c>
      <c r="H42" s="17"/>
      <c r="I42" s="13">
        <v>9400</v>
      </c>
      <c r="J42" s="19">
        <v>4091</v>
      </c>
      <c r="K42" s="19">
        <v>5309</v>
      </c>
    </row>
    <row r="43" spans="1:11" ht="15" customHeight="1">
      <c r="A43" s="17" t="s">
        <v>83</v>
      </c>
      <c r="B43" s="17"/>
      <c r="C43" s="13">
        <v>20520</v>
      </c>
      <c r="D43" s="19">
        <v>10659</v>
      </c>
      <c r="E43" s="19">
        <v>9861</v>
      </c>
      <c r="F43" s="19"/>
      <c r="G43" s="18" t="s">
        <v>84</v>
      </c>
      <c r="H43" s="17"/>
      <c r="I43" s="13">
        <v>8958</v>
      </c>
      <c r="J43" s="19">
        <v>3791</v>
      </c>
      <c r="K43" s="19">
        <v>5167</v>
      </c>
    </row>
    <row r="44" spans="1:11" ht="15" customHeight="1">
      <c r="A44" s="17" t="s">
        <v>85</v>
      </c>
      <c r="B44" s="17"/>
      <c r="C44" s="13">
        <v>20897</v>
      </c>
      <c r="D44" s="19">
        <v>10849</v>
      </c>
      <c r="E44" s="19">
        <v>10048</v>
      </c>
      <c r="F44" s="19"/>
      <c r="G44" s="18" t="s">
        <v>86</v>
      </c>
      <c r="H44" s="17"/>
      <c r="I44" s="13">
        <v>9380</v>
      </c>
      <c r="J44" s="19">
        <v>3816</v>
      </c>
      <c r="K44" s="19">
        <v>5564</v>
      </c>
    </row>
    <row r="45" spans="1:11" ht="15" customHeight="1">
      <c r="A45" s="17" t="s">
        <v>87</v>
      </c>
      <c r="B45" s="17"/>
      <c r="C45" s="13">
        <v>21141</v>
      </c>
      <c r="D45" s="19">
        <v>11102</v>
      </c>
      <c r="E45" s="19">
        <v>10039</v>
      </c>
      <c r="F45" s="19"/>
      <c r="G45" s="18" t="s">
        <v>88</v>
      </c>
      <c r="H45" s="17"/>
      <c r="I45" s="13">
        <v>8435</v>
      </c>
      <c r="J45" s="19">
        <v>3472</v>
      </c>
      <c r="K45" s="19">
        <v>4963</v>
      </c>
    </row>
    <row r="46" spans="1:11" ht="15" customHeight="1">
      <c r="A46" s="17" t="s">
        <v>89</v>
      </c>
      <c r="B46" s="17"/>
      <c r="C46" s="13">
        <v>21913</v>
      </c>
      <c r="D46" s="19">
        <v>11387</v>
      </c>
      <c r="E46" s="19">
        <v>10526</v>
      </c>
      <c r="F46" s="19"/>
      <c r="G46" s="18" t="s">
        <v>90</v>
      </c>
      <c r="H46" s="17"/>
      <c r="I46" s="13">
        <v>8305</v>
      </c>
      <c r="J46" s="19">
        <v>3277</v>
      </c>
      <c r="K46" s="19">
        <v>5028</v>
      </c>
    </row>
    <row r="47" spans="1:11" ht="20.100000000000001" customHeight="1">
      <c r="A47" s="17" t="s">
        <v>91</v>
      </c>
      <c r="B47" s="17"/>
      <c r="C47" s="13">
        <v>110379</v>
      </c>
      <c r="D47" s="14">
        <v>57343</v>
      </c>
      <c r="E47" s="14">
        <v>53036</v>
      </c>
      <c r="F47" s="14"/>
      <c r="G47" s="18" t="s">
        <v>92</v>
      </c>
      <c r="H47" s="17"/>
      <c r="I47" s="13">
        <v>28804</v>
      </c>
      <c r="J47" s="14">
        <v>10327</v>
      </c>
      <c r="K47" s="14">
        <v>18477</v>
      </c>
    </row>
    <row r="48" spans="1:11" ht="15" customHeight="1">
      <c r="A48" s="17" t="s">
        <v>93</v>
      </c>
      <c r="B48" s="17"/>
      <c r="C48" s="13">
        <v>22361</v>
      </c>
      <c r="D48" s="19">
        <v>11666</v>
      </c>
      <c r="E48" s="19">
        <v>10695</v>
      </c>
      <c r="F48" s="19"/>
      <c r="G48" s="18" t="s">
        <v>94</v>
      </c>
      <c r="H48" s="17"/>
      <c r="I48" s="13">
        <v>6834</v>
      </c>
      <c r="J48" s="19">
        <v>2537</v>
      </c>
      <c r="K48" s="19">
        <v>4297</v>
      </c>
    </row>
    <row r="49" spans="1:11" ht="15" customHeight="1">
      <c r="A49" s="17" t="s">
        <v>95</v>
      </c>
      <c r="B49" s="17"/>
      <c r="C49" s="13">
        <v>22471</v>
      </c>
      <c r="D49" s="19">
        <v>11637</v>
      </c>
      <c r="E49" s="19">
        <v>10834</v>
      </c>
      <c r="F49" s="19"/>
      <c r="G49" s="18" t="s">
        <v>96</v>
      </c>
      <c r="H49" s="17"/>
      <c r="I49" s="13">
        <v>6504</v>
      </c>
      <c r="J49" s="19">
        <v>2496</v>
      </c>
      <c r="K49" s="19">
        <v>4008</v>
      </c>
    </row>
    <row r="50" spans="1:11" ht="15" customHeight="1">
      <c r="A50" s="17" t="s">
        <v>97</v>
      </c>
      <c r="B50" s="17"/>
      <c r="C50" s="13">
        <v>21702</v>
      </c>
      <c r="D50" s="19">
        <v>11317</v>
      </c>
      <c r="E50" s="19">
        <v>10385</v>
      </c>
      <c r="F50" s="19"/>
      <c r="G50" s="18" t="s">
        <v>98</v>
      </c>
      <c r="H50" s="17"/>
      <c r="I50" s="13">
        <v>6119</v>
      </c>
      <c r="J50" s="19">
        <v>2133</v>
      </c>
      <c r="K50" s="19">
        <v>3986</v>
      </c>
    </row>
    <row r="51" spans="1:11" ht="15" customHeight="1">
      <c r="A51" s="17" t="s">
        <v>99</v>
      </c>
      <c r="B51" s="17"/>
      <c r="C51" s="13">
        <v>21800</v>
      </c>
      <c r="D51" s="19">
        <v>11315</v>
      </c>
      <c r="E51" s="19">
        <v>10485</v>
      </c>
      <c r="F51" s="19"/>
      <c r="G51" s="18" t="s">
        <v>100</v>
      </c>
      <c r="H51" s="17"/>
      <c r="I51" s="13">
        <v>5095</v>
      </c>
      <c r="J51" s="19">
        <v>1774</v>
      </c>
      <c r="K51" s="19">
        <v>3321</v>
      </c>
    </row>
    <row r="52" spans="1:11" ht="15" customHeight="1">
      <c r="A52" s="17" t="s">
        <v>101</v>
      </c>
      <c r="B52" s="17"/>
      <c r="C52" s="13">
        <v>22045</v>
      </c>
      <c r="D52" s="19">
        <v>11408</v>
      </c>
      <c r="E52" s="19">
        <v>10637</v>
      </c>
      <c r="F52" s="19"/>
      <c r="G52" s="18" t="s">
        <v>102</v>
      </c>
      <c r="H52" s="17"/>
      <c r="I52" s="13">
        <v>4252</v>
      </c>
      <c r="J52" s="19">
        <v>1387</v>
      </c>
      <c r="K52" s="19">
        <v>2865</v>
      </c>
    </row>
    <row r="53" spans="1:11" ht="20.100000000000001" customHeight="1">
      <c r="A53" s="17" t="s">
        <v>103</v>
      </c>
      <c r="B53" s="17"/>
      <c r="C53" s="13">
        <v>118859</v>
      </c>
      <c r="D53" s="14">
        <v>61671</v>
      </c>
      <c r="E53" s="14">
        <v>57188</v>
      </c>
      <c r="F53" s="14"/>
      <c r="G53" s="18" t="s">
        <v>104</v>
      </c>
      <c r="H53" s="17"/>
      <c r="I53" s="13">
        <v>13272</v>
      </c>
      <c r="J53" s="14">
        <v>3926</v>
      </c>
      <c r="K53" s="14">
        <v>9346</v>
      </c>
    </row>
    <row r="54" spans="1:11" ht="15" customHeight="1">
      <c r="A54" s="17" t="s">
        <v>105</v>
      </c>
      <c r="B54" s="17"/>
      <c r="C54" s="13">
        <v>23079</v>
      </c>
      <c r="D54" s="19">
        <v>11948</v>
      </c>
      <c r="E54" s="19">
        <v>11131</v>
      </c>
      <c r="F54" s="19"/>
      <c r="G54" s="18" t="s">
        <v>106</v>
      </c>
      <c r="H54" s="17"/>
      <c r="I54" s="13">
        <v>3691</v>
      </c>
      <c r="J54" s="19">
        <v>1177</v>
      </c>
      <c r="K54" s="19">
        <v>2514</v>
      </c>
    </row>
    <row r="55" spans="1:11" ht="15" customHeight="1">
      <c r="A55" s="17" t="s">
        <v>107</v>
      </c>
      <c r="B55" s="17"/>
      <c r="C55" s="13">
        <v>23556</v>
      </c>
      <c r="D55" s="19">
        <v>12231</v>
      </c>
      <c r="E55" s="19">
        <v>11325</v>
      </c>
      <c r="F55" s="19"/>
      <c r="G55" s="18" t="s">
        <v>108</v>
      </c>
      <c r="H55" s="17"/>
      <c r="I55" s="13">
        <v>3232</v>
      </c>
      <c r="J55" s="19">
        <v>924</v>
      </c>
      <c r="K55" s="19">
        <v>2308</v>
      </c>
    </row>
    <row r="56" spans="1:11" ht="15" customHeight="1">
      <c r="A56" s="17" t="s">
        <v>109</v>
      </c>
      <c r="B56" s="17"/>
      <c r="C56" s="13">
        <v>23515</v>
      </c>
      <c r="D56" s="19">
        <v>12104</v>
      </c>
      <c r="E56" s="19">
        <v>11411</v>
      </c>
      <c r="F56" s="19"/>
      <c r="G56" s="18" t="s">
        <v>110</v>
      </c>
      <c r="H56" s="17"/>
      <c r="I56" s="13">
        <v>2572</v>
      </c>
      <c r="J56" s="19">
        <v>732</v>
      </c>
      <c r="K56" s="19">
        <v>1840</v>
      </c>
    </row>
    <row r="57" spans="1:11" ht="15" customHeight="1">
      <c r="A57" s="17" t="s">
        <v>111</v>
      </c>
      <c r="B57" s="17"/>
      <c r="C57" s="13">
        <v>24210</v>
      </c>
      <c r="D57" s="19">
        <v>12579</v>
      </c>
      <c r="E57" s="19">
        <v>11631</v>
      </c>
      <c r="F57" s="19"/>
      <c r="G57" s="18" t="s">
        <v>112</v>
      </c>
      <c r="H57" s="17"/>
      <c r="I57" s="13">
        <v>2074</v>
      </c>
      <c r="J57" s="19">
        <v>621</v>
      </c>
      <c r="K57" s="19">
        <v>1453</v>
      </c>
    </row>
    <row r="58" spans="1:11" ht="15" customHeight="1">
      <c r="A58" s="17" t="s">
        <v>113</v>
      </c>
      <c r="B58" s="17"/>
      <c r="C58" s="13">
        <v>24499</v>
      </c>
      <c r="D58" s="19">
        <v>12809</v>
      </c>
      <c r="E58" s="19">
        <v>11690</v>
      </c>
      <c r="F58" s="19"/>
      <c r="G58" s="18" t="s">
        <v>114</v>
      </c>
      <c r="H58" s="17"/>
      <c r="I58" s="13">
        <v>1703</v>
      </c>
      <c r="J58" s="19">
        <v>472</v>
      </c>
      <c r="K58" s="19">
        <v>1231</v>
      </c>
    </row>
    <row r="59" spans="1:11" ht="20.100000000000001" customHeight="1">
      <c r="A59" s="17" t="s">
        <v>115</v>
      </c>
      <c r="B59" s="17"/>
      <c r="C59" s="13">
        <v>130196</v>
      </c>
      <c r="D59" s="14">
        <v>67332</v>
      </c>
      <c r="E59" s="14">
        <v>62864</v>
      </c>
      <c r="F59" s="14"/>
      <c r="G59" s="18" t="s">
        <v>116</v>
      </c>
      <c r="H59" s="17"/>
      <c r="I59" s="13">
        <v>3586</v>
      </c>
      <c r="J59" s="14">
        <v>716</v>
      </c>
      <c r="K59" s="14">
        <v>2870</v>
      </c>
    </row>
    <row r="60" spans="1:11" ht="15" customHeight="1">
      <c r="A60" s="17" t="s">
        <v>117</v>
      </c>
      <c r="B60" s="17"/>
      <c r="C60" s="13">
        <v>26134</v>
      </c>
      <c r="D60" s="19">
        <v>13635</v>
      </c>
      <c r="E60" s="19">
        <v>12499</v>
      </c>
      <c r="F60" s="19"/>
      <c r="G60" s="18" t="s">
        <v>118</v>
      </c>
      <c r="H60" s="17"/>
      <c r="I60" s="13">
        <v>1170</v>
      </c>
      <c r="J60" s="19">
        <v>261</v>
      </c>
      <c r="K60" s="19">
        <v>909</v>
      </c>
    </row>
    <row r="61" spans="1:11" ht="15" customHeight="1">
      <c r="A61" s="17" t="s">
        <v>119</v>
      </c>
      <c r="B61" s="17"/>
      <c r="C61" s="13">
        <v>26578</v>
      </c>
      <c r="D61" s="19">
        <v>13917</v>
      </c>
      <c r="E61" s="19">
        <v>12661</v>
      </c>
      <c r="F61" s="19"/>
      <c r="G61" s="18" t="s">
        <v>120</v>
      </c>
      <c r="H61" s="17"/>
      <c r="I61" s="13">
        <v>942</v>
      </c>
      <c r="J61" s="19">
        <v>197</v>
      </c>
      <c r="K61" s="19">
        <v>745</v>
      </c>
    </row>
    <row r="62" spans="1:11" ht="15" customHeight="1">
      <c r="A62" s="17" t="s">
        <v>121</v>
      </c>
      <c r="B62" s="17"/>
      <c r="C62" s="13">
        <v>26313</v>
      </c>
      <c r="D62" s="19">
        <v>13495</v>
      </c>
      <c r="E62" s="19">
        <v>12818</v>
      </c>
      <c r="F62" s="19"/>
      <c r="G62" s="18" t="s">
        <v>122</v>
      </c>
      <c r="H62" s="17"/>
      <c r="I62" s="13">
        <v>726</v>
      </c>
      <c r="J62" s="19">
        <v>148</v>
      </c>
      <c r="K62" s="19">
        <v>578</v>
      </c>
    </row>
    <row r="63" spans="1:11" ht="15" customHeight="1">
      <c r="A63" s="17" t="s">
        <v>123</v>
      </c>
      <c r="B63" s="17"/>
      <c r="C63" s="13">
        <v>25762</v>
      </c>
      <c r="D63" s="19">
        <v>13036</v>
      </c>
      <c r="E63" s="19">
        <v>12726</v>
      </c>
      <c r="F63" s="19"/>
      <c r="G63" s="18" t="s">
        <v>124</v>
      </c>
      <c r="H63" s="17"/>
      <c r="I63" s="13">
        <v>442</v>
      </c>
      <c r="J63" s="19">
        <v>64</v>
      </c>
      <c r="K63" s="19">
        <v>378</v>
      </c>
    </row>
    <row r="64" spans="1:11" ht="15" customHeight="1">
      <c r="A64" s="17" t="s">
        <v>125</v>
      </c>
      <c r="B64" s="17"/>
      <c r="C64" s="13">
        <v>25409</v>
      </c>
      <c r="D64" s="19">
        <v>13249</v>
      </c>
      <c r="E64" s="19">
        <v>12160</v>
      </c>
      <c r="F64" s="19"/>
      <c r="G64" s="18" t="s">
        <v>126</v>
      </c>
      <c r="H64" s="17"/>
      <c r="I64" s="13">
        <v>306</v>
      </c>
      <c r="J64" s="19">
        <v>46</v>
      </c>
      <c r="K64" s="19">
        <v>26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51</v>
      </c>
      <c r="J65" s="19">
        <v>124</v>
      </c>
      <c r="K65" s="19">
        <v>52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620</v>
      </c>
      <c r="J66" s="29">
        <v>21361</v>
      </c>
      <c r="K66" s="29">
        <v>17259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3004</v>
      </c>
      <c r="D4" s="14">
        <v>125280</v>
      </c>
      <c r="E4" s="14">
        <v>10772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708</v>
      </c>
      <c r="D5" s="14">
        <v>4531</v>
      </c>
      <c r="E5" s="14">
        <v>4177</v>
      </c>
      <c r="F5" s="14"/>
      <c r="G5" s="18" t="s">
        <v>8</v>
      </c>
      <c r="H5" s="17"/>
      <c r="I5" s="13">
        <v>16455</v>
      </c>
      <c r="J5" s="14">
        <v>9238</v>
      </c>
      <c r="K5" s="14">
        <v>7217</v>
      </c>
    </row>
    <row r="6" spans="1:11" ht="15" customHeight="1">
      <c r="A6" s="17" t="s">
        <v>9</v>
      </c>
      <c r="B6" s="17"/>
      <c r="C6" s="13">
        <v>1702</v>
      </c>
      <c r="D6" s="19">
        <v>928</v>
      </c>
      <c r="E6" s="19">
        <v>774</v>
      </c>
      <c r="F6" s="19"/>
      <c r="G6" s="18" t="s">
        <v>10</v>
      </c>
      <c r="H6" s="17"/>
      <c r="I6" s="13">
        <v>3668</v>
      </c>
      <c r="J6" s="19">
        <v>2038</v>
      </c>
      <c r="K6" s="19">
        <v>1630</v>
      </c>
    </row>
    <row r="7" spans="1:11" ht="15" customHeight="1">
      <c r="A7" s="17" t="s">
        <v>11</v>
      </c>
      <c r="B7" s="17"/>
      <c r="C7" s="13">
        <v>1699</v>
      </c>
      <c r="D7" s="19">
        <v>890</v>
      </c>
      <c r="E7" s="19">
        <v>809</v>
      </c>
      <c r="F7" s="19"/>
      <c r="G7" s="18" t="s">
        <v>12</v>
      </c>
      <c r="H7" s="17"/>
      <c r="I7" s="13">
        <v>3613</v>
      </c>
      <c r="J7" s="19">
        <v>2044</v>
      </c>
      <c r="K7" s="19">
        <v>1569</v>
      </c>
    </row>
    <row r="8" spans="1:11" ht="15" customHeight="1">
      <c r="A8" s="17" t="s">
        <v>13</v>
      </c>
      <c r="B8" s="17"/>
      <c r="C8" s="13">
        <v>1797</v>
      </c>
      <c r="D8" s="19">
        <v>913</v>
      </c>
      <c r="E8" s="19">
        <v>884</v>
      </c>
      <c r="F8" s="19"/>
      <c r="G8" s="18" t="s">
        <v>14</v>
      </c>
      <c r="H8" s="17"/>
      <c r="I8" s="13">
        <v>3416</v>
      </c>
      <c r="J8" s="19">
        <v>1898</v>
      </c>
      <c r="K8" s="19">
        <v>1518</v>
      </c>
    </row>
    <row r="9" spans="1:11" ht="15" customHeight="1">
      <c r="A9" s="17" t="s">
        <v>15</v>
      </c>
      <c r="B9" s="17"/>
      <c r="C9" s="13">
        <v>1780</v>
      </c>
      <c r="D9" s="19">
        <v>937</v>
      </c>
      <c r="E9" s="19">
        <v>843</v>
      </c>
      <c r="F9" s="19"/>
      <c r="G9" s="18" t="s">
        <v>16</v>
      </c>
      <c r="H9" s="17"/>
      <c r="I9" s="13">
        <v>2544</v>
      </c>
      <c r="J9" s="19">
        <v>1466</v>
      </c>
      <c r="K9" s="19">
        <v>1078</v>
      </c>
    </row>
    <row r="10" spans="1:11" ht="15" customHeight="1">
      <c r="A10" s="17" t="s">
        <v>17</v>
      </c>
      <c r="B10" s="17"/>
      <c r="C10" s="13">
        <v>1730</v>
      </c>
      <c r="D10" s="19">
        <v>863</v>
      </c>
      <c r="E10" s="19">
        <v>867</v>
      </c>
      <c r="F10" s="19"/>
      <c r="G10" s="18" t="s">
        <v>18</v>
      </c>
      <c r="H10" s="17"/>
      <c r="I10" s="13">
        <v>3214</v>
      </c>
      <c r="J10" s="19">
        <v>1792</v>
      </c>
      <c r="K10" s="19">
        <v>1422</v>
      </c>
    </row>
    <row r="11" spans="1:11" ht="20.100000000000001" customHeight="1">
      <c r="A11" s="17" t="s">
        <v>19</v>
      </c>
      <c r="B11" s="17"/>
      <c r="C11" s="13">
        <v>8500</v>
      </c>
      <c r="D11" s="14">
        <v>4354</v>
      </c>
      <c r="E11" s="14">
        <v>4146</v>
      </c>
      <c r="F11" s="14"/>
      <c r="G11" s="18" t="s">
        <v>20</v>
      </c>
      <c r="H11" s="17"/>
      <c r="I11" s="13">
        <v>13677</v>
      </c>
      <c r="J11" s="14">
        <v>7653</v>
      </c>
      <c r="K11" s="14">
        <v>6024</v>
      </c>
    </row>
    <row r="12" spans="1:11" ht="15" customHeight="1">
      <c r="A12" s="17" t="s">
        <v>21</v>
      </c>
      <c r="B12" s="17"/>
      <c r="C12" s="13">
        <v>1665</v>
      </c>
      <c r="D12" s="19">
        <v>843</v>
      </c>
      <c r="E12" s="19">
        <v>822</v>
      </c>
      <c r="F12" s="19"/>
      <c r="G12" s="18" t="s">
        <v>22</v>
      </c>
      <c r="H12" s="17"/>
      <c r="I12" s="13">
        <v>3009</v>
      </c>
      <c r="J12" s="19">
        <v>1681</v>
      </c>
      <c r="K12" s="19">
        <v>1328</v>
      </c>
    </row>
    <row r="13" spans="1:11" ht="15" customHeight="1">
      <c r="A13" s="17" t="s">
        <v>23</v>
      </c>
      <c r="B13" s="17"/>
      <c r="C13" s="13">
        <v>1737</v>
      </c>
      <c r="D13" s="19">
        <v>926</v>
      </c>
      <c r="E13" s="19">
        <v>811</v>
      </c>
      <c r="F13" s="19"/>
      <c r="G13" s="18" t="s">
        <v>24</v>
      </c>
      <c r="H13" s="17"/>
      <c r="I13" s="13">
        <v>2868</v>
      </c>
      <c r="J13" s="19">
        <v>1601</v>
      </c>
      <c r="K13" s="19">
        <v>1267</v>
      </c>
    </row>
    <row r="14" spans="1:11" ht="15" customHeight="1">
      <c r="A14" s="17" t="s">
        <v>25</v>
      </c>
      <c r="B14" s="17"/>
      <c r="C14" s="13">
        <v>1724</v>
      </c>
      <c r="D14" s="19">
        <v>894</v>
      </c>
      <c r="E14" s="19">
        <v>830</v>
      </c>
      <c r="F14" s="19"/>
      <c r="G14" s="18" t="s">
        <v>26</v>
      </c>
      <c r="H14" s="17"/>
      <c r="I14" s="13">
        <v>2694</v>
      </c>
      <c r="J14" s="19">
        <v>1499</v>
      </c>
      <c r="K14" s="19">
        <v>1195</v>
      </c>
    </row>
    <row r="15" spans="1:11" ht="15" customHeight="1">
      <c r="A15" s="17" t="s">
        <v>27</v>
      </c>
      <c r="B15" s="17"/>
      <c r="C15" s="13">
        <v>1642</v>
      </c>
      <c r="D15" s="19">
        <v>833</v>
      </c>
      <c r="E15" s="19">
        <v>809</v>
      </c>
      <c r="F15" s="19"/>
      <c r="G15" s="18" t="s">
        <v>28</v>
      </c>
      <c r="H15" s="17"/>
      <c r="I15" s="13">
        <v>2583</v>
      </c>
      <c r="J15" s="19">
        <v>1456</v>
      </c>
      <c r="K15" s="19">
        <v>1127</v>
      </c>
    </row>
    <row r="16" spans="1:11" ht="15" customHeight="1">
      <c r="A16" s="17" t="s">
        <v>29</v>
      </c>
      <c r="B16" s="17"/>
      <c r="C16" s="13">
        <v>1732</v>
      </c>
      <c r="D16" s="19">
        <v>858</v>
      </c>
      <c r="E16" s="19">
        <v>874</v>
      </c>
      <c r="F16" s="19"/>
      <c r="G16" s="18" t="s">
        <v>30</v>
      </c>
      <c r="H16" s="17"/>
      <c r="I16" s="13">
        <v>2523</v>
      </c>
      <c r="J16" s="19">
        <v>1416</v>
      </c>
      <c r="K16" s="19">
        <v>1107</v>
      </c>
    </row>
    <row r="17" spans="1:11" ht="20.100000000000001" customHeight="1">
      <c r="A17" s="20" t="s">
        <v>31</v>
      </c>
      <c r="B17" s="20"/>
      <c r="C17" s="13">
        <v>8506</v>
      </c>
      <c r="D17" s="14">
        <v>4336</v>
      </c>
      <c r="E17" s="14">
        <v>4170</v>
      </c>
      <c r="F17" s="14"/>
      <c r="G17" s="18" t="s">
        <v>32</v>
      </c>
      <c r="H17" s="17"/>
      <c r="I17" s="13">
        <v>11822</v>
      </c>
      <c r="J17" s="14">
        <v>6534</v>
      </c>
      <c r="K17" s="14">
        <v>5288</v>
      </c>
    </row>
    <row r="18" spans="1:11" ht="15" customHeight="1">
      <c r="A18" s="17" t="s">
        <v>33</v>
      </c>
      <c r="B18" s="17"/>
      <c r="C18" s="13">
        <v>1642</v>
      </c>
      <c r="D18" s="19">
        <v>854</v>
      </c>
      <c r="E18" s="19">
        <v>788</v>
      </c>
      <c r="F18" s="19"/>
      <c r="G18" s="18" t="s">
        <v>34</v>
      </c>
      <c r="H18" s="17"/>
      <c r="I18" s="13">
        <v>2423</v>
      </c>
      <c r="J18" s="19">
        <v>1323</v>
      </c>
      <c r="K18" s="19">
        <v>1100</v>
      </c>
    </row>
    <row r="19" spans="1:11" ht="15" customHeight="1">
      <c r="A19" s="17" t="s">
        <v>35</v>
      </c>
      <c r="B19" s="17"/>
      <c r="C19" s="13">
        <v>1722</v>
      </c>
      <c r="D19" s="19">
        <v>883</v>
      </c>
      <c r="E19" s="19">
        <v>839</v>
      </c>
      <c r="F19" s="19"/>
      <c r="G19" s="18" t="s">
        <v>36</v>
      </c>
      <c r="H19" s="17"/>
      <c r="I19" s="13">
        <v>2400</v>
      </c>
      <c r="J19" s="19">
        <v>1278</v>
      </c>
      <c r="K19" s="19">
        <v>1122</v>
      </c>
    </row>
    <row r="20" spans="1:11" ht="15" customHeight="1">
      <c r="A20" s="17" t="s">
        <v>37</v>
      </c>
      <c r="B20" s="17"/>
      <c r="C20" s="13">
        <v>1807</v>
      </c>
      <c r="D20" s="19">
        <v>900</v>
      </c>
      <c r="E20" s="19">
        <v>907</v>
      </c>
      <c r="F20" s="19"/>
      <c r="G20" s="18" t="s">
        <v>38</v>
      </c>
      <c r="H20" s="17"/>
      <c r="I20" s="13">
        <v>2287</v>
      </c>
      <c r="J20" s="19">
        <v>1285</v>
      </c>
      <c r="K20" s="19">
        <v>1002</v>
      </c>
    </row>
    <row r="21" spans="1:11" ht="15" customHeight="1">
      <c r="A21" s="17" t="s">
        <v>39</v>
      </c>
      <c r="B21" s="17"/>
      <c r="C21" s="13">
        <v>1714</v>
      </c>
      <c r="D21" s="19">
        <v>883</v>
      </c>
      <c r="E21" s="19">
        <v>831</v>
      </c>
      <c r="F21" s="19"/>
      <c r="G21" s="18" t="s">
        <v>40</v>
      </c>
      <c r="H21" s="17"/>
      <c r="I21" s="13">
        <v>2340</v>
      </c>
      <c r="J21" s="19">
        <v>1297</v>
      </c>
      <c r="K21" s="19">
        <v>1043</v>
      </c>
    </row>
    <row r="22" spans="1:11" ht="15" customHeight="1">
      <c r="A22" s="17" t="s">
        <v>41</v>
      </c>
      <c r="B22" s="17"/>
      <c r="C22" s="13">
        <v>1621</v>
      </c>
      <c r="D22" s="19">
        <v>816</v>
      </c>
      <c r="E22" s="19">
        <v>805</v>
      </c>
      <c r="F22" s="19"/>
      <c r="G22" s="18" t="s">
        <v>42</v>
      </c>
      <c r="H22" s="17"/>
      <c r="I22" s="13">
        <v>2372</v>
      </c>
      <c r="J22" s="19">
        <v>1351</v>
      </c>
      <c r="K22" s="19">
        <v>1021</v>
      </c>
    </row>
    <row r="23" spans="1:11" ht="20.100000000000001" customHeight="1">
      <c r="A23" s="17" t="s">
        <v>43</v>
      </c>
      <c r="B23" s="17"/>
      <c r="C23" s="13">
        <v>8956</v>
      </c>
      <c r="D23" s="14">
        <v>4624</v>
      </c>
      <c r="E23" s="14">
        <v>4332</v>
      </c>
      <c r="F23" s="14"/>
      <c r="G23" s="18" t="s">
        <v>44</v>
      </c>
      <c r="H23" s="17"/>
      <c r="I23" s="13">
        <v>12938</v>
      </c>
      <c r="J23" s="14">
        <v>7094</v>
      </c>
      <c r="K23" s="14">
        <v>5844</v>
      </c>
    </row>
    <row r="24" spans="1:11" ht="15" customHeight="1">
      <c r="A24" s="17" t="s">
        <v>45</v>
      </c>
      <c r="B24" s="17"/>
      <c r="C24" s="13">
        <v>1681</v>
      </c>
      <c r="D24" s="19">
        <v>857</v>
      </c>
      <c r="E24" s="19">
        <v>824</v>
      </c>
      <c r="F24" s="19"/>
      <c r="G24" s="18" t="s">
        <v>46</v>
      </c>
      <c r="H24" s="17"/>
      <c r="I24" s="13">
        <v>2308</v>
      </c>
      <c r="J24" s="19">
        <v>1257</v>
      </c>
      <c r="K24" s="19">
        <v>1051</v>
      </c>
    </row>
    <row r="25" spans="1:11" ht="15" customHeight="1">
      <c r="A25" s="17" t="s">
        <v>47</v>
      </c>
      <c r="B25" s="17"/>
      <c r="C25" s="13">
        <v>1676</v>
      </c>
      <c r="D25" s="19">
        <v>865</v>
      </c>
      <c r="E25" s="19">
        <v>811</v>
      </c>
      <c r="F25" s="19"/>
      <c r="G25" s="18" t="s">
        <v>48</v>
      </c>
      <c r="H25" s="17"/>
      <c r="I25" s="13">
        <v>2446</v>
      </c>
      <c r="J25" s="19">
        <v>1318</v>
      </c>
      <c r="K25" s="19">
        <v>1128</v>
      </c>
    </row>
    <row r="26" spans="1:11" ht="15" customHeight="1">
      <c r="A26" s="17" t="s">
        <v>49</v>
      </c>
      <c r="B26" s="17"/>
      <c r="C26" s="13">
        <v>1701</v>
      </c>
      <c r="D26" s="19">
        <v>838</v>
      </c>
      <c r="E26" s="19">
        <v>863</v>
      </c>
      <c r="F26" s="19"/>
      <c r="G26" s="18" t="s">
        <v>50</v>
      </c>
      <c r="H26" s="17"/>
      <c r="I26" s="13">
        <v>2700</v>
      </c>
      <c r="J26" s="19">
        <v>1497</v>
      </c>
      <c r="K26" s="19">
        <v>1203</v>
      </c>
    </row>
    <row r="27" spans="1:11" ht="15" customHeight="1">
      <c r="A27" s="17" t="s">
        <v>51</v>
      </c>
      <c r="B27" s="17"/>
      <c r="C27" s="13">
        <v>1850</v>
      </c>
      <c r="D27" s="19">
        <v>965</v>
      </c>
      <c r="E27" s="19">
        <v>885</v>
      </c>
      <c r="F27" s="19"/>
      <c r="G27" s="18" t="s">
        <v>52</v>
      </c>
      <c r="H27" s="17"/>
      <c r="I27" s="13">
        <v>2695</v>
      </c>
      <c r="J27" s="19">
        <v>1475</v>
      </c>
      <c r="K27" s="19">
        <v>1220</v>
      </c>
    </row>
    <row r="28" spans="1:11" ht="15" customHeight="1">
      <c r="A28" s="17" t="s">
        <v>53</v>
      </c>
      <c r="B28" s="17"/>
      <c r="C28" s="13">
        <v>2048</v>
      </c>
      <c r="D28" s="19">
        <v>1099</v>
      </c>
      <c r="E28" s="19">
        <v>949</v>
      </c>
      <c r="F28" s="19"/>
      <c r="G28" s="18" t="s">
        <v>54</v>
      </c>
      <c r="H28" s="17"/>
      <c r="I28" s="13">
        <v>2789</v>
      </c>
      <c r="J28" s="19">
        <v>1547</v>
      </c>
      <c r="K28" s="19">
        <v>1242</v>
      </c>
    </row>
    <row r="29" spans="1:11" ht="20.100000000000001" customHeight="1">
      <c r="A29" s="17" t="s">
        <v>55</v>
      </c>
      <c r="B29" s="17"/>
      <c r="C29" s="13">
        <v>14018</v>
      </c>
      <c r="D29" s="14">
        <v>7678</v>
      </c>
      <c r="E29" s="14">
        <v>6340</v>
      </c>
      <c r="F29" s="14"/>
      <c r="G29" s="18" t="s">
        <v>56</v>
      </c>
      <c r="H29" s="17"/>
      <c r="I29" s="13">
        <v>12727</v>
      </c>
      <c r="J29" s="14">
        <v>6596</v>
      </c>
      <c r="K29" s="14">
        <v>6131</v>
      </c>
    </row>
    <row r="30" spans="1:11" ht="15" customHeight="1">
      <c r="A30" s="17" t="s">
        <v>57</v>
      </c>
      <c r="B30" s="17"/>
      <c r="C30" s="13">
        <v>2178</v>
      </c>
      <c r="D30" s="19">
        <v>1176</v>
      </c>
      <c r="E30" s="19">
        <v>1002</v>
      </c>
      <c r="F30" s="19"/>
      <c r="G30" s="18" t="s">
        <v>58</v>
      </c>
      <c r="H30" s="17"/>
      <c r="I30" s="13">
        <v>3098</v>
      </c>
      <c r="J30" s="19">
        <v>1617</v>
      </c>
      <c r="K30" s="19">
        <v>1481</v>
      </c>
    </row>
    <row r="31" spans="1:11" ht="15" customHeight="1">
      <c r="A31" s="17" t="s">
        <v>59</v>
      </c>
      <c r="B31" s="17"/>
      <c r="C31" s="13">
        <v>2451</v>
      </c>
      <c r="D31" s="19">
        <v>1303</v>
      </c>
      <c r="E31" s="19">
        <v>1148</v>
      </c>
      <c r="F31" s="19"/>
      <c r="G31" s="18" t="s">
        <v>60</v>
      </c>
      <c r="H31" s="17"/>
      <c r="I31" s="13">
        <v>2955</v>
      </c>
      <c r="J31" s="19">
        <v>1561</v>
      </c>
      <c r="K31" s="19">
        <v>1394</v>
      </c>
    </row>
    <row r="32" spans="1:11" ht="15" customHeight="1">
      <c r="A32" s="17" t="s">
        <v>61</v>
      </c>
      <c r="B32" s="17"/>
      <c r="C32" s="13">
        <v>2668</v>
      </c>
      <c r="D32" s="19">
        <v>1452</v>
      </c>
      <c r="E32" s="19">
        <v>1216</v>
      </c>
      <c r="F32" s="19"/>
      <c r="G32" s="18" t="s">
        <v>62</v>
      </c>
      <c r="H32" s="17"/>
      <c r="I32" s="13">
        <v>2902</v>
      </c>
      <c r="J32" s="19">
        <v>1488</v>
      </c>
      <c r="K32" s="19">
        <v>1414</v>
      </c>
    </row>
    <row r="33" spans="1:11" ht="15" customHeight="1">
      <c r="A33" s="17" t="s">
        <v>63</v>
      </c>
      <c r="B33" s="17"/>
      <c r="C33" s="13">
        <v>3292</v>
      </c>
      <c r="D33" s="19">
        <v>1771</v>
      </c>
      <c r="E33" s="19">
        <v>1521</v>
      </c>
      <c r="F33" s="19"/>
      <c r="G33" s="18" t="s">
        <v>64</v>
      </c>
      <c r="H33" s="17"/>
      <c r="I33" s="13">
        <v>1989</v>
      </c>
      <c r="J33" s="19">
        <v>1004</v>
      </c>
      <c r="K33" s="19">
        <v>985</v>
      </c>
    </row>
    <row r="34" spans="1:11" ht="15" customHeight="1">
      <c r="A34" s="17" t="s">
        <v>65</v>
      </c>
      <c r="B34" s="17"/>
      <c r="C34" s="13">
        <v>3429</v>
      </c>
      <c r="D34" s="19">
        <v>1976</v>
      </c>
      <c r="E34" s="19">
        <v>1453</v>
      </c>
      <c r="F34" s="19"/>
      <c r="G34" s="18" t="s">
        <v>66</v>
      </c>
      <c r="H34" s="17"/>
      <c r="I34" s="13">
        <v>1783</v>
      </c>
      <c r="J34" s="19">
        <v>926</v>
      </c>
      <c r="K34" s="19">
        <v>857</v>
      </c>
    </row>
    <row r="35" spans="1:11" ht="20.100000000000001" customHeight="1">
      <c r="A35" s="17" t="s">
        <v>67</v>
      </c>
      <c r="B35" s="17"/>
      <c r="C35" s="13">
        <v>17669</v>
      </c>
      <c r="D35" s="14">
        <v>10277</v>
      </c>
      <c r="E35" s="14">
        <v>7392</v>
      </c>
      <c r="F35" s="14"/>
      <c r="G35" s="18" t="s">
        <v>68</v>
      </c>
      <c r="H35" s="17"/>
      <c r="I35" s="13">
        <v>10400</v>
      </c>
      <c r="J35" s="14">
        <v>4998</v>
      </c>
      <c r="K35" s="14">
        <v>5402</v>
      </c>
    </row>
    <row r="36" spans="1:11" ht="15" customHeight="1">
      <c r="A36" s="17" t="s">
        <v>69</v>
      </c>
      <c r="B36" s="17"/>
      <c r="C36" s="13">
        <v>3666</v>
      </c>
      <c r="D36" s="19">
        <v>2114</v>
      </c>
      <c r="E36" s="19">
        <v>1552</v>
      </c>
      <c r="F36" s="19"/>
      <c r="G36" s="18" t="s">
        <v>70</v>
      </c>
      <c r="H36" s="17"/>
      <c r="I36" s="13">
        <v>2099</v>
      </c>
      <c r="J36" s="19">
        <v>1049</v>
      </c>
      <c r="K36" s="19">
        <v>1050</v>
      </c>
    </row>
    <row r="37" spans="1:11" ht="15" customHeight="1">
      <c r="A37" s="17" t="s">
        <v>71</v>
      </c>
      <c r="B37" s="17"/>
      <c r="C37" s="13">
        <v>3433</v>
      </c>
      <c r="D37" s="19">
        <v>1986</v>
      </c>
      <c r="E37" s="19">
        <v>1447</v>
      </c>
      <c r="F37" s="19"/>
      <c r="G37" s="18" t="s">
        <v>72</v>
      </c>
      <c r="H37" s="17"/>
      <c r="I37" s="13">
        <v>2298</v>
      </c>
      <c r="J37" s="19">
        <v>1183</v>
      </c>
      <c r="K37" s="19">
        <v>1115</v>
      </c>
    </row>
    <row r="38" spans="1:11" ht="15" customHeight="1">
      <c r="A38" s="17" t="s">
        <v>73</v>
      </c>
      <c r="B38" s="17"/>
      <c r="C38" s="13">
        <v>3603</v>
      </c>
      <c r="D38" s="19">
        <v>2034</v>
      </c>
      <c r="E38" s="19">
        <v>1569</v>
      </c>
      <c r="F38" s="19"/>
      <c r="G38" s="18" t="s">
        <v>74</v>
      </c>
      <c r="H38" s="17"/>
      <c r="I38" s="13">
        <v>2086</v>
      </c>
      <c r="J38" s="19">
        <v>985</v>
      </c>
      <c r="K38" s="19">
        <v>1101</v>
      </c>
    </row>
    <row r="39" spans="1:11" ht="15" customHeight="1">
      <c r="A39" s="17" t="s">
        <v>75</v>
      </c>
      <c r="B39" s="17"/>
      <c r="C39" s="13">
        <v>3524</v>
      </c>
      <c r="D39" s="19">
        <v>2077</v>
      </c>
      <c r="E39" s="19">
        <v>1447</v>
      </c>
      <c r="F39" s="19"/>
      <c r="G39" s="18" t="s">
        <v>76</v>
      </c>
      <c r="H39" s="17"/>
      <c r="I39" s="13">
        <v>2087</v>
      </c>
      <c r="J39" s="19">
        <v>975</v>
      </c>
      <c r="K39" s="19">
        <v>1112</v>
      </c>
    </row>
    <row r="40" spans="1:11" ht="15" customHeight="1">
      <c r="A40" s="17" t="s">
        <v>77</v>
      </c>
      <c r="B40" s="17"/>
      <c r="C40" s="13">
        <v>3443</v>
      </c>
      <c r="D40" s="19">
        <v>2066</v>
      </c>
      <c r="E40" s="19">
        <v>1377</v>
      </c>
      <c r="F40" s="19"/>
      <c r="G40" s="18" t="s">
        <v>78</v>
      </c>
      <c r="H40" s="17"/>
      <c r="I40" s="13">
        <v>1830</v>
      </c>
      <c r="J40" s="19">
        <v>806</v>
      </c>
      <c r="K40" s="19">
        <v>1024</v>
      </c>
    </row>
    <row r="41" spans="1:11" ht="20.100000000000001" customHeight="1">
      <c r="A41" s="17" t="s">
        <v>79</v>
      </c>
      <c r="B41" s="17"/>
      <c r="C41" s="13">
        <v>16877</v>
      </c>
      <c r="D41" s="14">
        <v>9728</v>
      </c>
      <c r="E41" s="14">
        <v>7149</v>
      </c>
      <c r="F41" s="14"/>
      <c r="G41" s="18" t="s">
        <v>80</v>
      </c>
      <c r="H41" s="17"/>
      <c r="I41" s="13">
        <v>7437</v>
      </c>
      <c r="J41" s="14">
        <v>3054</v>
      </c>
      <c r="K41" s="14">
        <v>4383</v>
      </c>
    </row>
    <row r="42" spans="1:11" ht="15" customHeight="1">
      <c r="A42" s="17" t="s">
        <v>81</v>
      </c>
      <c r="B42" s="17"/>
      <c r="C42" s="13">
        <v>3331</v>
      </c>
      <c r="D42" s="19">
        <v>1884</v>
      </c>
      <c r="E42" s="19">
        <v>1447</v>
      </c>
      <c r="F42" s="19"/>
      <c r="G42" s="18" t="s">
        <v>82</v>
      </c>
      <c r="H42" s="17"/>
      <c r="I42" s="13">
        <v>1501</v>
      </c>
      <c r="J42" s="19">
        <v>694</v>
      </c>
      <c r="K42" s="19">
        <v>807</v>
      </c>
    </row>
    <row r="43" spans="1:11" ht="15" customHeight="1">
      <c r="A43" s="17" t="s">
        <v>83</v>
      </c>
      <c r="B43" s="17"/>
      <c r="C43" s="13">
        <v>3410</v>
      </c>
      <c r="D43" s="19">
        <v>1948</v>
      </c>
      <c r="E43" s="19">
        <v>1462</v>
      </c>
      <c r="F43" s="19"/>
      <c r="G43" s="18" t="s">
        <v>84</v>
      </c>
      <c r="H43" s="17"/>
      <c r="I43" s="13">
        <v>1477</v>
      </c>
      <c r="J43" s="19">
        <v>629</v>
      </c>
      <c r="K43" s="19">
        <v>848</v>
      </c>
    </row>
    <row r="44" spans="1:11" ht="15" customHeight="1">
      <c r="A44" s="17" t="s">
        <v>85</v>
      </c>
      <c r="B44" s="17"/>
      <c r="C44" s="13">
        <v>3317</v>
      </c>
      <c r="D44" s="19">
        <v>1977</v>
      </c>
      <c r="E44" s="19">
        <v>1340</v>
      </c>
      <c r="F44" s="19"/>
      <c r="G44" s="18" t="s">
        <v>86</v>
      </c>
      <c r="H44" s="17"/>
      <c r="I44" s="13">
        <v>1649</v>
      </c>
      <c r="J44" s="19">
        <v>653</v>
      </c>
      <c r="K44" s="19">
        <v>996</v>
      </c>
    </row>
    <row r="45" spans="1:11" ht="15" customHeight="1">
      <c r="A45" s="17" t="s">
        <v>87</v>
      </c>
      <c r="B45" s="17"/>
      <c r="C45" s="13">
        <v>3372</v>
      </c>
      <c r="D45" s="19">
        <v>1942</v>
      </c>
      <c r="E45" s="19">
        <v>1430</v>
      </c>
      <c r="F45" s="19"/>
      <c r="G45" s="18" t="s">
        <v>88</v>
      </c>
      <c r="H45" s="17"/>
      <c r="I45" s="13">
        <v>1389</v>
      </c>
      <c r="J45" s="19">
        <v>532</v>
      </c>
      <c r="K45" s="19">
        <v>857</v>
      </c>
    </row>
    <row r="46" spans="1:11" ht="15" customHeight="1">
      <c r="A46" s="17" t="s">
        <v>89</v>
      </c>
      <c r="B46" s="17"/>
      <c r="C46" s="13">
        <v>3447</v>
      </c>
      <c r="D46" s="19">
        <v>1977</v>
      </c>
      <c r="E46" s="19">
        <v>1470</v>
      </c>
      <c r="F46" s="19"/>
      <c r="G46" s="18" t="s">
        <v>90</v>
      </c>
      <c r="H46" s="17"/>
      <c r="I46" s="13">
        <v>1421</v>
      </c>
      <c r="J46" s="19">
        <v>546</v>
      </c>
      <c r="K46" s="19">
        <v>875</v>
      </c>
    </row>
    <row r="47" spans="1:11" ht="20.100000000000001" customHeight="1">
      <c r="A47" s="17" t="s">
        <v>91</v>
      </c>
      <c r="B47" s="17"/>
      <c r="C47" s="13">
        <v>16749</v>
      </c>
      <c r="D47" s="14">
        <v>9350</v>
      </c>
      <c r="E47" s="14">
        <v>7399</v>
      </c>
      <c r="F47" s="14"/>
      <c r="G47" s="18" t="s">
        <v>92</v>
      </c>
      <c r="H47" s="17"/>
      <c r="I47" s="13">
        <v>4709</v>
      </c>
      <c r="J47" s="14">
        <v>1620</v>
      </c>
      <c r="K47" s="14">
        <v>3089</v>
      </c>
    </row>
    <row r="48" spans="1:11" ht="15" customHeight="1">
      <c r="A48" s="17" t="s">
        <v>93</v>
      </c>
      <c r="B48" s="17"/>
      <c r="C48" s="13">
        <v>3311</v>
      </c>
      <c r="D48" s="19">
        <v>1876</v>
      </c>
      <c r="E48" s="19">
        <v>1435</v>
      </c>
      <c r="F48" s="19"/>
      <c r="G48" s="18" t="s">
        <v>94</v>
      </c>
      <c r="H48" s="17"/>
      <c r="I48" s="13">
        <v>1121</v>
      </c>
      <c r="J48" s="19">
        <v>426</v>
      </c>
      <c r="K48" s="19">
        <v>695</v>
      </c>
    </row>
    <row r="49" spans="1:11" ht="15" customHeight="1">
      <c r="A49" s="17" t="s">
        <v>95</v>
      </c>
      <c r="B49" s="17"/>
      <c r="C49" s="13">
        <v>3429</v>
      </c>
      <c r="D49" s="19">
        <v>1898</v>
      </c>
      <c r="E49" s="19">
        <v>1531</v>
      </c>
      <c r="F49" s="19"/>
      <c r="G49" s="18" t="s">
        <v>96</v>
      </c>
      <c r="H49" s="17"/>
      <c r="I49" s="13">
        <v>1053</v>
      </c>
      <c r="J49" s="19">
        <v>379</v>
      </c>
      <c r="K49" s="19">
        <v>674</v>
      </c>
    </row>
    <row r="50" spans="1:11" ht="15" customHeight="1">
      <c r="A50" s="17" t="s">
        <v>97</v>
      </c>
      <c r="B50" s="17"/>
      <c r="C50" s="13">
        <v>3308</v>
      </c>
      <c r="D50" s="19">
        <v>1861</v>
      </c>
      <c r="E50" s="19">
        <v>1447</v>
      </c>
      <c r="F50" s="19"/>
      <c r="G50" s="18" t="s">
        <v>98</v>
      </c>
      <c r="H50" s="17"/>
      <c r="I50" s="13">
        <v>1017</v>
      </c>
      <c r="J50" s="19">
        <v>335</v>
      </c>
      <c r="K50" s="19">
        <v>682</v>
      </c>
    </row>
    <row r="51" spans="1:11" ht="15" customHeight="1">
      <c r="A51" s="17" t="s">
        <v>99</v>
      </c>
      <c r="B51" s="17"/>
      <c r="C51" s="13">
        <v>3354</v>
      </c>
      <c r="D51" s="19">
        <v>1886</v>
      </c>
      <c r="E51" s="19">
        <v>1468</v>
      </c>
      <c r="F51" s="19"/>
      <c r="G51" s="18" t="s">
        <v>100</v>
      </c>
      <c r="H51" s="17"/>
      <c r="I51" s="13">
        <v>831</v>
      </c>
      <c r="J51" s="19">
        <v>273</v>
      </c>
      <c r="K51" s="19">
        <v>558</v>
      </c>
    </row>
    <row r="52" spans="1:11" ht="15" customHeight="1">
      <c r="A52" s="17" t="s">
        <v>101</v>
      </c>
      <c r="B52" s="17"/>
      <c r="C52" s="13">
        <v>3347</v>
      </c>
      <c r="D52" s="19">
        <v>1829</v>
      </c>
      <c r="E52" s="19">
        <v>1518</v>
      </c>
      <c r="F52" s="19"/>
      <c r="G52" s="18" t="s">
        <v>102</v>
      </c>
      <c r="H52" s="17"/>
      <c r="I52" s="13">
        <v>687</v>
      </c>
      <c r="J52" s="19">
        <v>207</v>
      </c>
      <c r="K52" s="19">
        <v>480</v>
      </c>
    </row>
    <row r="53" spans="1:11" ht="20.100000000000001" customHeight="1">
      <c r="A53" s="17" t="s">
        <v>103</v>
      </c>
      <c r="B53" s="17"/>
      <c r="C53" s="13">
        <v>17733</v>
      </c>
      <c r="D53" s="14">
        <v>9897</v>
      </c>
      <c r="E53" s="14">
        <v>7836</v>
      </c>
      <c r="F53" s="14"/>
      <c r="G53" s="18" t="s">
        <v>104</v>
      </c>
      <c r="H53" s="17"/>
      <c r="I53" s="13">
        <v>2030</v>
      </c>
      <c r="J53" s="14">
        <v>556</v>
      </c>
      <c r="K53" s="14">
        <v>1474</v>
      </c>
    </row>
    <row r="54" spans="1:11" ht="15" customHeight="1">
      <c r="A54" s="17" t="s">
        <v>105</v>
      </c>
      <c r="B54" s="17"/>
      <c r="C54" s="13">
        <v>3512</v>
      </c>
      <c r="D54" s="19">
        <v>1967</v>
      </c>
      <c r="E54" s="19">
        <v>1545</v>
      </c>
      <c r="F54" s="19"/>
      <c r="G54" s="18" t="s">
        <v>106</v>
      </c>
      <c r="H54" s="17"/>
      <c r="I54" s="13">
        <v>559</v>
      </c>
      <c r="J54" s="19">
        <v>169</v>
      </c>
      <c r="K54" s="19">
        <v>390</v>
      </c>
    </row>
    <row r="55" spans="1:11" ht="15" customHeight="1">
      <c r="A55" s="17" t="s">
        <v>107</v>
      </c>
      <c r="B55" s="17"/>
      <c r="C55" s="13">
        <v>3504</v>
      </c>
      <c r="D55" s="19">
        <v>1978</v>
      </c>
      <c r="E55" s="19">
        <v>1526</v>
      </c>
      <c r="F55" s="19"/>
      <c r="G55" s="18" t="s">
        <v>108</v>
      </c>
      <c r="H55" s="17"/>
      <c r="I55" s="13">
        <v>495</v>
      </c>
      <c r="J55" s="19">
        <v>139</v>
      </c>
      <c r="K55" s="19">
        <v>356</v>
      </c>
    </row>
    <row r="56" spans="1:11" ht="15" customHeight="1">
      <c r="A56" s="17" t="s">
        <v>109</v>
      </c>
      <c r="B56" s="17"/>
      <c r="C56" s="13">
        <v>3574</v>
      </c>
      <c r="D56" s="19">
        <v>1967</v>
      </c>
      <c r="E56" s="19">
        <v>1607</v>
      </c>
      <c r="F56" s="19"/>
      <c r="G56" s="18" t="s">
        <v>110</v>
      </c>
      <c r="H56" s="17"/>
      <c r="I56" s="13">
        <v>449</v>
      </c>
      <c r="J56" s="19">
        <v>121</v>
      </c>
      <c r="K56" s="19">
        <v>328</v>
      </c>
    </row>
    <row r="57" spans="1:11" ht="15" customHeight="1">
      <c r="A57" s="17" t="s">
        <v>111</v>
      </c>
      <c r="B57" s="17"/>
      <c r="C57" s="13">
        <v>3542</v>
      </c>
      <c r="D57" s="19">
        <v>1975</v>
      </c>
      <c r="E57" s="19">
        <v>1567</v>
      </c>
      <c r="F57" s="19"/>
      <c r="G57" s="18" t="s">
        <v>112</v>
      </c>
      <c r="H57" s="17"/>
      <c r="I57" s="13">
        <v>304</v>
      </c>
      <c r="J57" s="19">
        <v>78</v>
      </c>
      <c r="K57" s="19">
        <v>226</v>
      </c>
    </row>
    <row r="58" spans="1:11" ht="15" customHeight="1">
      <c r="A58" s="17" t="s">
        <v>113</v>
      </c>
      <c r="B58" s="17"/>
      <c r="C58" s="13">
        <v>3601</v>
      </c>
      <c r="D58" s="19">
        <v>2010</v>
      </c>
      <c r="E58" s="19">
        <v>1591</v>
      </c>
      <c r="F58" s="19"/>
      <c r="G58" s="18" t="s">
        <v>114</v>
      </c>
      <c r="H58" s="17"/>
      <c r="I58" s="13">
        <v>223</v>
      </c>
      <c r="J58" s="19">
        <v>49</v>
      </c>
      <c r="K58" s="19">
        <v>174</v>
      </c>
    </row>
    <row r="59" spans="1:11" ht="20.100000000000001" customHeight="1">
      <c r="A59" s="17" t="s">
        <v>115</v>
      </c>
      <c r="B59" s="17"/>
      <c r="C59" s="13">
        <v>20215</v>
      </c>
      <c r="D59" s="14">
        <v>11481</v>
      </c>
      <c r="E59" s="14">
        <v>8734</v>
      </c>
      <c r="F59" s="14"/>
      <c r="G59" s="18" t="s">
        <v>116</v>
      </c>
      <c r="H59" s="17"/>
      <c r="I59" s="13">
        <v>442</v>
      </c>
      <c r="J59" s="14">
        <v>85</v>
      </c>
      <c r="K59" s="14">
        <v>357</v>
      </c>
    </row>
    <row r="60" spans="1:11" ht="15" customHeight="1">
      <c r="A60" s="17" t="s">
        <v>117</v>
      </c>
      <c r="B60" s="17"/>
      <c r="C60" s="13">
        <v>4097</v>
      </c>
      <c r="D60" s="19">
        <v>2310</v>
      </c>
      <c r="E60" s="19">
        <v>1787</v>
      </c>
      <c r="F60" s="19"/>
      <c r="G60" s="18" t="s">
        <v>118</v>
      </c>
      <c r="H60" s="17"/>
      <c r="I60" s="13">
        <v>153</v>
      </c>
      <c r="J60" s="19">
        <v>29</v>
      </c>
      <c r="K60" s="19">
        <v>124</v>
      </c>
    </row>
    <row r="61" spans="1:11" ht="15" customHeight="1">
      <c r="A61" s="17" t="s">
        <v>119</v>
      </c>
      <c r="B61" s="17"/>
      <c r="C61" s="13">
        <v>4173</v>
      </c>
      <c r="D61" s="19">
        <v>2367</v>
      </c>
      <c r="E61" s="19">
        <v>1806</v>
      </c>
      <c r="F61" s="19"/>
      <c r="G61" s="18" t="s">
        <v>120</v>
      </c>
      <c r="H61" s="17"/>
      <c r="I61" s="13">
        <v>126</v>
      </c>
      <c r="J61" s="19">
        <v>27</v>
      </c>
      <c r="K61" s="19">
        <v>99</v>
      </c>
    </row>
    <row r="62" spans="1:11" ht="15" customHeight="1">
      <c r="A62" s="17" t="s">
        <v>121</v>
      </c>
      <c r="B62" s="17"/>
      <c r="C62" s="13">
        <v>4073</v>
      </c>
      <c r="D62" s="19">
        <v>2329</v>
      </c>
      <c r="E62" s="19">
        <v>1744</v>
      </c>
      <c r="F62" s="19"/>
      <c r="G62" s="18" t="s">
        <v>122</v>
      </c>
      <c r="H62" s="17"/>
      <c r="I62" s="13">
        <v>74</v>
      </c>
      <c r="J62" s="19">
        <v>17</v>
      </c>
      <c r="K62" s="19">
        <v>57</v>
      </c>
    </row>
    <row r="63" spans="1:11" ht="15" customHeight="1">
      <c r="A63" s="17" t="s">
        <v>123</v>
      </c>
      <c r="B63" s="17"/>
      <c r="C63" s="13">
        <v>3979</v>
      </c>
      <c r="D63" s="19">
        <v>2261</v>
      </c>
      <c r="E63" s="19">
        <v>1718</v>
      </c>
      <c r="F63" s="19"/>
      <c r="G63" s="18" t="s">
        <v>124</v>
      </c>
      <c r="H63" s="17"/>
      <c r="I63" s="13">
        <v>55</v>
      </c>
      <c r="J63" s="19">
        <v>8</v>
      </c>
      <c r="K63" s="19">
        <v>47</v>
      </c>
    </row>
    <row r="64" spans="1:11" ht="15" customHeight="1">
      <c r="A64" s="17" t="s">
        <v>125</v>
      </c>
      <c r="B64" s="17"/>
      <c r="C64" s="13">
        <v>3893</v>
      </c>
      <c r="D64" s="19">
        <v>2214</v>
      </c>
      <c r="E64" s="19">
        <v>1679</v>
      </c>
      <c r="F64" s="19"/>
      <c r="G64" s="18" t="s">
        <v>126</v>
      </c>
      <c r="H64" s="17"/>
      <c r="I64" s="13">
        <v>34</v>
      </c>
      <c r="J64" s="19">
        <v>4</v>
      </c>
      <c r="K64" s="19">
        <v>3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2</v>
      </c>
      <c r="J65" s="19">
        <v>21</v>
      </c>
      <c r="K65" s="19">
        <v>3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84</v>
      </c>
      <c r="J66" s="29">
        <v>1575</v>
      </c>
      <c r="K66" s="29">
        <v>809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0775</v>
      </c>
      <c r="D4" s="14">
        <v>86286</v>
      </c>
      <c r="E4" s="14">
        <v>8448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564</v>
      </c>
      <c r="D5" s="14">
        <v>4439</v>
      </c>
      <c r="E5" s="14">
        <v>4125</v>
      </c>
      <c r="F5" s="14"/>
      <c r="G5" s="18" t="s">
        <v>8</v>
      </c>
      <c r="H5" s="17"/>
      <c r="I5" s="13">
        <v>11786</v>
      </c>
      <c r="J5" s="14">
        <v>6219</v>
      </c>
      <c r="K5" s="14">
        <v>5567</v>
      </c>
    </row>
    <row r="6" spans="1:11" ht="15" customHeight="1">
      <c r="A6" s="17" t="s">
        <v>9</v>
      </c>
      <c r="B6" s="17"/>
      <c r="C6" s="13">
        <v>1732</v>
      </c>
      <c r="D6" s="19">
        <v>903</v>
      </c>
      <c r="E6" s="19">
        <v>829</v>
      </c>
      <c r="F6" s="19"/>
      <c r="G6" s="18" t="s">
        <v>10</v>
      </c>
      <c r="H6" s="17"/>
      <c r="I6" s="13">
        <v>2603</v>
      </c>
      <c r="J6" s="19">
        <v>1392</v>
      </c>
      <c r="K6" s="19">
        <v>1211</v>
      </c>
    </row>
    <row r="7" spans="1:11" ht="15" customHeight="1">
      <c r="A7" s="17" t="s">
        <v>11</v>
      </c>
      <c r="B7" s="17"/>
      <c r="C7" s="13">
        <v>1788</v>
      </c>
      <c r="D7" s="19">
        <v>934</v>
      </c>
      <c r="E7" s="19">
        <v>854</v>
      </c>
      <c r="F7" s="19"/>
      <c r="G7" s="18" t="s">
        <v>12</v>
      </c>
      <c r="H7" s="17"/>
      <c r="I7" s="13">
        <v>2460</v>
      </c>
      <c r="J7" s="19">
        <v>1244</v>
      </c>
      <c r="K7" s="19">
        <v>1216</v>
      </c>
    </row>
    <row r="8" spans="1:11" ht="15" customHeight="1">
      <c r="A8" s="17" t="s">
        <v>13</v>
      </c>
      <c r="B8" s="17"/>
      <c r="C8" s="13">
        <v>1740</v>
      </c>
      <c r="D8" s="19">
        <v>935</v>
      </c>
      <c r="E8" s="19">
        <v>805</v>
      </c>
      <c r="F8" s="19"/>
      <c r="G8" s="18" t="s">
        <v>14</v>
      </c>
      <c r="H8" s="17"/>
      <c r="I8" s="13">
        <v>2595</v>
      </c>
      <c r="J8" s="19">
        <v>1385</v>
      </c>
      <c r="K8" s="19">
        <v>1210</v>
      </c>
    </row>
    <row r="9" spans="1:11" ht="15" customHeight="1">
      <c r="A9" s="17" t="s">
        <v>15</v>
      </c>
      <c r="B9" s="17"/>
      <c r="C9" s="13">
        <v>1698</v>
      </c>
      <c r="D9" s="19">
        <v>862</v>
      </c>
      <c r="E9" s="19">
        <v>836</v>
      </c>
      <c r="F9" s="19"/>
      <c r="G9" s="18" t="s">
        <v>16</v>
      </c>
      <c r="H9" s="17"/>
      <c r="I9" s="13">
        <v>1815</v>
      </c>
      <c r="J9" s="19">
        <v>959</v>
      </c>
      <c r="K9" s="19">
        <v>856</v>
      </c>
    </row>
    <row r="10" spans="1:11" ht="15" customHeight="1">
      <c r="A10" s="17" t="s">
        <v>17</v>
      </c>
      <c r="B10" s="17"/>
      <c r="C10" s="13">
        <v>1606</v>
      </c>
      <c r="D10" s="19">
        <v>805</v>
      </c>
      <c r="E10" s="19">
        <v>801</v>
      </c>
      <c r="F10" s="19"/>
      <c r="G10" s="18" t="s">
        <v>18</v>
      </c>
      <c r="H10" s="17"/>
      <c r="I10" s="13">
        <v>2313</v>
      </c>
      <c r="J10" s="19">
        <v>1239</v>
      </c>
      <c r="K10" s="19">
        <v>1074</v>
      </c>
    </row>
    <row r="11" spans="1:11" ht="20.100000000000001" customHeight="1">
      <c r="A11" s="17" t="s">
        <v>19</v>
      </c>
      <c r="B11" s="17"/>
      <c r="C11" s="13">
        <v>7108</v>
      </c>
      <c r="D11" s="14">
        <v>3598</v>
      </c>
      <c r="E11" s="14">
        <v>3510</v>
      </c>
      <c r="F11" s="14"/>
      <c r="G11" s="18" t="s">
        <v>20</v>
      </c>
      <c r="H11" s="17"/>
      <c r="I11" s="13">
        <v>9175</v>
      </c>
      <c r="J11" s="14">
        <v>4841</v>
      </c>
      <c r="K11" s="14">
        <v>4334</v>
      </c>
    </row>
    <row r="12" spans="1:11" ht="15" customHeight="1">
      <c r="A12" s="17" t="s">
        <v>21</v>
      </c>
      <c r="B12" s="17"/>
      <c r="C12" s="13">
        <v>1397</v>
      </c>
      <c r="D12" s="19">
        <v>718</v>
      </c>
      <c r="E12" s="19">
        <v>679</v>
      </c>
      <c r="F12" s="19"/>
      <c r="G12" s="18" t="s">
        <v>22</v>
      </c>
      <c r="H12" s="17"/>
      <c r="I12" s="13">
        <v>1935</v>
      </c>
      <c r="J12" s="19">
        <v>1068</v>
      </c>
      <c r="K12" s="19">
        <v>867</v>
      </c>
    </row>
    <row r="13" spans="1:11" ht="15" customHeight="1">
      <c r="A13" s="17" t="s">
        <v>23</v>
      </c>
      <c r="B13" s="17"/>
      <c r="C13" s="13">
        <v>1469</v>
      </c>
      <c r="D13" s="19">
        <v>690</v>
      </c>
      <c r="E13" s="19">
        <v>779</v>
      </c>
      <c r="F13" s="19"/>
      <c r="G13" s="18" t="s">
        <v>24</v>
      </c>
      <c r="H13" s="17"/>
      <c r="I13" s="13">
        <v>1924</v>
      </c>
      <c r="J13" s="19">
        <v>1001</v>
      </c>
      <c r="K13" s="19">
        <v>923</v>
      </c>
    </row>
    <row r="14" spans="1:11" ht="15" customHeight="1">
      <c r="A14" s="17" t="s">
        <v>25</v>
      </c>
      <c r="B14" s="17"/>
      <c r="C14" s="13">
        <v>1455</v>
      </c>
      <c r="D14" s="19">
        <v>720</v>
      </c>
      <c r="E14" s="19">
        <v>735</v>
      </c>
      <c r="F14" s="19"/>
      <c r="G14" s="18" t="s">
        <v>26</v>
      </c>
      <c r="H14" s="17"/>
      <c r="I14" s="13">
        <v>1878</v>
      </c>
      <c r="J14" s="19">
        <v>984</v>
      </c>
      <c r="K14" s="19">
        <v>894</v>
      </c>
    </row>
    <row r="15" spans="1:11" ht="15" customHeight="1">
      <c r="A15" s="17" t="s">
        <v>27</v>
      </c>
      <c r="B15" s="17"/>
      <c r="C15" s="13">
        <v>1338</v>
      </c>
      <c r="D15" s="19">
        <v>695</v>
      </c>
      <c r="E15" s="19">
        <v>643</v>
      </c>
      <c r="F15" s="19"/>
      <c r="G15" s="18" t="s">
        <v>28</v>
      </c>
      <c r="H15" s="17"/>
      <c r="I15" s="13">
        <v>1734</v>
      </c>
      <c r="J15" s="19">
        <v>885</v>
      </c>
      <c r="K15" s="19">
        <v>849</v>
      </c>
    </row>
    <row r="16" spans="1:11" ht="15" customHeight="1">
      <c r="A16" s="17" t="s">
        <v>29</v>
      </c>
      <c r="B16" s="17"/>
      <c r="C16" s="13">
        <v>1449</v>
      </c>
      <c r="D16" s="19">
        <v>775</v>
      </c>
      <c r="E16" s="19">
        <v>674</v>
      </c>
      <c r="F16" s="19"/>
      <c r="G16" s="18" t="s">
        <v>30</v>
      </c>
      <c r="H16" s="17"/>
      <c r="I16" s="13">
        <v>1704</v>
      </c>
      <c r="J16" s="19">
        <v>903</v>
      </c>
      <c r="K16" s="19">
        <v>801</v>
      </c>
    </row>
    <row r="17" spans="1:11" ht="20.100000000000001" customHeight="1">
      <c r="A17" s="20" t="s">
        <v>31</v>
      </c>
      <c r="B17" s="20"/>
      <c r="C17" s="13">
        <v>6593</v>
      </c>
      <c r="D17" s="14">
        <v>3303</v>
      </c>
      <c r="E17" s="14">
        <v>3290</v>
      </c>
      <c r="F17" s="14"/>
      <c r="G17" s="18" t="s">
        <v>32</v>
      </c>
      <c r="H17" s="17"/>
      <c r="I17" s="13">
        <v>8010</v>
      </c>
      <c r="J17" s="14">
        <v>4023</v>
      </c>
      <c r="K17" s="14">
        <v>3987</v>
      </c>
    </row>
    <row r="18" spans="1:11" ht="15" customHeight="1">
      <c r="A18" s="17" t="s">
        <v>33</v>
      </c>
      <c r="B18" s="17"/>
      <c r="C18" s="13">
        <v>1394</v>
      </c>
      <c r="D18" s="19">
        <v>682</v>
      </c>
      <c r="E18" s="19">
        <v>712</v>
      </c>
      <c r="F18" s="19"/>
      <c r="G18" s="18" t="s">
        <v>34</v>
      </c>
      <c r="H18" s="17"/>
      <c r="I18" s="13">
        <v>1650</v>
      </c>
      <c r="J18" s="19">
        <v>855</v>
      </c>
      <c r="K18" s="19">
        <v>795</v>
      </c>
    </row>
    <row r="19" spans="1:11" ht="15" customHeight="1">
      <c r="A19" s="17" t="s">
        <v>35</v>
      </c>
      <c r="B19" s="17"/>
      <c r="C19" s="13">
        <v>1397</v>
      </c>
      <c r="D19" s="19">
        <v>727</v>
      </c>
      <c r="E19" s="19">
        <v>670</v>
      </c>
      <c r="F19" s="19"/>
      <c r="G19" s="18" t="s">
        <v>36</v>
      </c>
      <c r="H19" s="17"/>
      <c r="I19" s="13">
        <v>1633</v>
      </c>
      <c r="J19" s="19">
        <v>817</v>
      </c>
      <c r="K19" s="19">
        <v>816</v>
      </c>
    </row>
    <row r="20" spans="1:11" ht="15" customHeight="1">
      <c r="A20" s="17" t="s">
        <v>37</v>
      </c>
      <c r="B20" s="17"/>
      <c r="C20" s="13">
        <v>1302</v>
      </c>
      <c r="D20" s="19">
        <v>644</v>
      </c>
      <c r="E20" s="19">
        <v>658</v>
      </c>
      <c r="F20" s="19"/>
      <c r="G20" s="18" t="s">
        <v>38</v>
      </c>
      <c r="H20" s="17"/>
      <c r="I20" s="13">
        <v>1557</v>
      </c>
      <c r="J20" s="19">
        <v>806</v>
      </c>
      <c r="K20" s="19">
        <v>751</v>
      </c>
    </row>
    <row r="21" spans="1:11" ht="15" customHeight="1">
      <c r="A21" s="17" t="s">
        <v>39</v>
      </c>
      <c r="B21" s="17"/>
      <c r="C21" s="13">
        <v>1305</v>
      </c>
      <c r="D21" s="19">
        <v>669</v>
      </c>
      <c r="E21" s="19">
        <v>636</v>
      </c>
      <c r="F21" s="19"/>
      <c r="G21" s="18" t="s">
        <v>40</v>
      </c>
      <c r="H21" s="17"/>
      <c r="I21" s="13">
        <v>1615</v>
      </c>
      <c r="J21" s="19">
        <v>804</v>
      </c>
      <c r="K21" s="19">
        <v>811</v>
      </c>
    </row>
    <row r="22" spans="1:11" ht="15" customHeight="1">
      <c r="A22" s="17" t="s">
        <v>41</v>
      </c>
      <c r="B22" s="17"/>
      <c r="C22" s="13">
        <v>1195</v>
      </c>
      <c r="D22" s="19">
        <v>581</v>
      </c>
      <c r="E22" s="19">
        <v>614</v>
      </c>
      <c r="F22" s="19"/>
      <c r="G22" s="18" t="s">
        <v>42</v>
      </c>
      <c r="H22" s="17"/>
      <c r="I22" s="13">
        <v>1555</v>
      </c>
      <c r="J22" s="19">
        <v>741</v>
      </c>
      <c r="K22" s="19">
        <v>814</v>
      </c>
    </row>
    <row r="23" spans="1:11" ht="20.100000000000001" customHeight="1">
      <c r="A23" s="17" t="s">
        <v>43</v>
      </c>
      <c r="B23" s="17"/>
      <c r="C23" s="13">
        <v>6329</v>
      </c>
      <c r="D23" s="14">
        <v>3237</v>
      </c>
      <c r="E23" s="14">
        <v>3092</v>
      </c>
      <c r="F23" s="14"/>
      <c r="G23" s="18" t="s">
        <v>44</v>
      </c>
      <c r="H23" s="17"/>
      <c r="I23" s="13">
        <v>9002</v>
      </c>
      <c r="J23" s="14">
        <v>4379</v>
      </c>
      <c r="K23" s="14">
        <v>4623</v>
      </c>
    </row>
    <row r="24" spans="1:11" ht="15" customHeight="1">
      <c r="A24" s="17" t="s">
        <v>45</v>
      </c>
      <c r="B24" s="17"/>
      <c r="C24" s="13">
        <v>1245</v>
      </c>
      <c r="D24" s="19">
        <v>657</v>
      </c>
      <c r="E24" s="19">
        <v>588</v>
      </c>
      <c r="F24" s="19"/>
      <c r="G24" s="18" t="s">
        <v>46</v>
      </c>
      <c r="H24" s="17"/>
      <c r="I24" s="13">
        <v>1622</v>
      </c>
      <c r="J24" s="19">
        <v>778</v>
      </c>
      <c r="K24" s="19">
        <v>844</v>
      </c>
    </row>
    <row r="25" spans="1:11" ht="15" customHeight="1">
      <c r="A25" s="17" t="s">
        <v>47</v>
      </c>
      <c r="B25" s="17"/>
      <c r="C25" s="13">
        <v>1210</v>
      </c>
      <c r="D25" s="19">
        <v>632</v>
      </c>
      <c r="E25" s="19">
        <v>578</v>
      </c>
      <c r="F25" s="19"/>
      <c r="G25" s="18" t="s">
        <v>48</v>
      </c>
      <c r="H25" s="17"/>
      <c r="I25" s="13">
        <v>1734</v>
      </c>
      <c r="J25" s="19">
        <v>884</v>
      </c>
      <c r="K25" s="19">
        <v>850</v>
      </c>
    </row>
    <row r="26" spans="1:11" ht="15" customHeight="1">
      <c r="A26" s="17" t="s">
        <v>49</v>
      </c>
      <c r="B26" s="17"/>
      <c r="C26" s="13">
        <v>1246</v>
      </c>
      <c r="D26" s="19">
        <v>628</v>
      </c>
      <c r="E26" s="19">
        <v>618</v>
      </c>
      <c r="F26" s="19"/>
      <c r="G26" s="18" t="s">
        <v>50</v>
      </c>
      <c r="H26" s="17"/>
      <c r="I26" s="13">
        <v>1773</v>
      </c>
      <c r="J26" s="19">
        <v>866</v>
      </c>
      <c r="K26" s="19">
        <v>907</v>
      </c>
    </row>
    <row r="27" spans="1:11" ht="15" customHeight="1">
      <c r="A27" s="17" t="s">
        <v>51</v>
      </c>
      <c r="B27" s="17"/>
      <c r="C27" s="13">
        <v>1272</v>
      </c>
      <c r="D27" s="19">
        <v>668</v>
      </c>
      <c r="E27" s="19">
        <v>604</v>
      </c>
      <c r="F27" s="19"/>
      <c r="G27" s="18" t="s">
        <v>52</v>
      </c>
      <c r="H27" s="17"/>
      <c r="I27" s="13">
        <v>1875</v>
      </c>
      <c r="J27" s="19">
        <v>904</v>
      </c>
      <c r="K27" s="19">
        <v>971</v>
      </c>
    </row>
    <row r="28" spans="1:11" ht="15" customHeight="1">
      <c r="A28" s="17" t="s">
        <v>53</v>
      </c>
      <c r="B28" s="17"/>
      <c r="C28" s="13">
        <v>1356</v>
      </c>
      <c r="D28" s="19">
        <v>652</v>
      </c>
      <c r="E28" s="19">
        <v>704</v>
      </c>
      <c r="F28" s="19"/>
      <c r="G28" s="18" t="s">
        <v>54</v>
      </c>
      <c r="H28" s="17"/>
      <c r="I28" s="13">
        <v>1998</v>
      </c>
      <c r="J28" s="19">
        <v>947</v>
      </c>
      <c r="K28" s="19">
        <v>1051</v>
      </c>
    </row>
    <row r="29" spans="1:11" ht="20.100000000000001" customHeight="1">
      <c r="A29" s="17" t="s">
        <v>55</v>
      </c>
      <c r="B29" s="17"/>
      <c r="C29" s="13">
        <v>8136</v>
      </c>
      <c r="D29" s="14">
        <v>4252</v>
      </c>
      <c r="E29" s="14">
        <v>3884</v>
      </c>
      <c r="F29" s="14"/>
      <c r="G29" s="18" t="s">
        <v>56</v>
      </c>
      <c r="H29" s="17"/>
      <c r="I29" s="13">
        <v>9339</v>
      </c>
      <c r="J29" s="14">
        <v>4423</v>
      </c>
      <c r="K29" s="14">
        <v>4916</v>
      </c>
    </row>
    <row r="30" spans="1:11" ht="15" customHeight="1">
      <c r="A30" s="17" t="s">
        <v>57</v>
      </c>
      <c r="B30" s="17"/>
      <c r="C30" s="13">
        <v>1304</v>
      </c>
      <c r="D30" s="19">
        <v>660</v>
      </c>
      <c r="E30" s="19">
        <v>644</v>
      </c>
      <c r="F30" s="19"/>
      <c r="G30" s="18" t="s">
        <v>58</v>
      </c>
      <c r="H30" s="17"/>
      <c r="I30" s="13">
        <v>2285</v>
      </c>
      <c r="J30" s="19">
        <v>1085</v>
      </c>
      <c r="K30" s="19">
        <v>1200</v>
      </c>
    </row>
    <row r="31" spans="1:11" ht="15" customHeight="1">
      <c r="A31" s="17" t="s">
        <v>59</v>
      </c>
      <c r="B31" s="17"/>
      <c r="C31" s="13">
        <v>1391</v>
      </c>
      <c r="D31" s="19">
        <v>721</v>
      </c>
      <c r="E31" s="19">
        <v>670</v>
      </c>
      <c r="F31" s="19"/>
      <c r="G31" s="18" t="s">
        <v>60</v>
      </c>
      <c r="H31" s="17"/>
      <c r="I31" s="13">
        <v>2175</v>
      </c>
      <c r="J31" s="19">
        <v>1036</v>
      </c>
      <c r="K31" s="19">
        <v>1139</v>
      </c>
    </row>
    <row r="32" spans="1:11" ht="15" customHeight="1">
      <c r="A32" s="17" t="s">
        <v>61</v>
      </c>
      <c r="B32" s="17"/>
      <c r="C32" s="13">
        <v>1579</v>
      </c>
      <c r="D32" s="19">
        <v>827</v>
      </c>
      <c r="E32" s="19">
        <v>752</v>
      </c>
      <c r="F32" s="19"/>
      <c r="G32" s="18" t="s">
        <v>62</v>
      </c>
      <c r="H32" s="17"/>
      <c r="I32" s="13">
        <v>2132</v>
      </c>
      <c r="J32" s="19">
        <v>987</v>
      </c>
      <c r="K32" s="19">
        <v>1145</v>
      </c>
    </row>
    <row r="33" spans="1:11" ht="15" customHeight="1">
      <c r="A33" s="17" t="s">
        <v>63</v>
      </c>
      <c r="B33" s="17"/>
      <c r="C33" s="13">
        <v>1903</v>
      </c>
      <c r="D33" s="19">
        <v>997</v>
      </c>
      <c r="E33" s="19">
        <v>906</v>
      </c>
      <c r="F33" s="19"/>
      <c r="G33" s="18" t="s">
        <v>64</v>
      </c>
      <c r="H33" s="17"/>
      <c r="I33" s="13">
        <v>1430</v>
      </c>
      <c r="J33" s="19">
        <v>700</v>
      </c>
      <c r="K33" s="19">
        <v>730</v>
      </c>
    </row>
    <row r="34" spans="1:11" ht="15" customHeight="1">
      <c r="A34" s="17" t="s">
        <v>65</v>
      </c>
      <c r="B34" s="17"/>
      <c r="C34" s="13">
        <v>1959</v>
      </c>
      <c r="D34" s="19">
        <v>1047</v>
      </c>
      <c r="E34" s="19">
        <v>912</v>
      </c>
      <c r="F34" s="19"/>
      <c r="G34" s="18" t="s">
        <v>66</v>
      </c>
      <c r="H34" s="17"/>
      <c r="I34" s="13">
        <v>1317</v>
      </c>
      <c r="J34" s="19">
        <v>615</v>
      </c>
      <c r="K34" s="19">
        <v>702</v>
      </c>
    </row>
    <row r="35" spans="1:11" ht="20.100000000000001" customHeight="1">
      <c r="A35" s="17" t="s">
        <v>67</v>
      </c>
      <c r="B35" s="17"/>
      <c r="C35" s="13">
        <v>10535</v>
      </c>
      <c r="D35" s="14">
        <v>5686</v>
      </c>
      <c r="E35" s="14">
        <v>4849</v>
      </c>
      <c r="F35" s="14"/>
      <c r="G35" s="18" t="s">
        <v>68</v>
      </c>
      <c r="H35" s="17"/>
      <c r="I35" s="13">
        <v>7806</v>
      </c>
      <c r="J35" s="14">
        <v>3499</v>
      </c>
      <c r="K35" s="14">
        <v>4307</v>
      </c>
    </row>
    <row r="36" spans="1:11" ht="15" customHeight="1">
      <c r="A36" s="17" t="s">
        <v>69</v>
      </c>
      <c r="B36" s="17"/>
      <c r="C36" s="13">
        <v>2006</v>
      </c>
      <c r="D36" s="19">
        <v>1065</v>
      </c>
      <c r="E36" s="19">
        <v>941</v>
      </c>
      <c r="F36" s="19"/>
      <c r="G36" s="18" t="s">
        <v>70</v>
      </c>
      <c r="H36" s="17"/>
      <c r="I36" s="13">
        <v>1651</v>
      </c>
      <c r="J36" s="19">
        <v>768</v>
      </c>
      <c r="K36" s="19">
        <v>883</v>
      </c>
    </row>
    <row r="37" spans="1:11" ht="15" customHeight="1">
      <c r="A37" s="17" t="s">
        <v>71</v>
      </c>
      <c r="B37" s="17"/>
      <c r="C37" s="13">
        <v>2093</v>
      </c>
      <c r="D37" s="19">
        <v>1135</v>
      </c>
      <c r="E37" s="19">
        <v>958</v>
      </c>
      <c r="F37" s="19"/>
      <c r="G37" s="18" t="s">
        <v>72</v>
      </c>
      <c r="H37" s="17"/>
      <c r="I37" s="13">
        <v>1664</v>
      </c>
      <c r="J37" s="19">
        <v>699</v>
      </c>
      <c r="K37" s="19">
        <v>965</v>
      </c>
    </row>
    <row r="38" spans="1:11" ht="15" customHeight="1">
      <c r="A38" s="17" t="s">
        <v>73</v>
      </c>
      <c r="B38" s="17"/>
      <c r="C38" s="13">
        <v>2029</v>
      </c>
      <c r="D38" s="19">
        <v>1097</v>
      </c>
      <c r="E38" s="19">
        <v>932</v>
      </c>
      <c r="F38" s="19"/>
      <c r="G38" s="18" t="s">
        <v>74</v>
      </c>
      <c r="H38" s="17"/>
      <c r="I38" s="13">
        <v>1489</v>
      </c>
      <c r="J38" s="19">
        <v>663</v>
      </c>
      <c r="K38" s="19">
        <v>826</v>
      </c>
    </row>
    <row r="39" spans="1:11" ht="15" customHeight="1">
      <c r="A39" s="17" t="s">
        <v>75</v>
      </c>
      <c r="B39" s="17"/>
      <c r="C39" s="13">
        <v>2181</v>
      </c>
      <c r="D39" s="19">
        <v>1231</v>
      </c>
      <c r="E39" s="19">
        <v>950</v>
      </c>
      <c r="F39" s="19"/>
      <c r="G39" s="18" t="s">
        <v>76</v>
      </c>
      <c r="H39" s="17"/>
      <c r="I39" s="13">
        <v>1568</v>
      </c>
      <c r="J39" s="19">
        <v>726</v>
      </c>
      <c r="K39" s="19">
        <v>842</v>
      </c>
    </row>
    <row r="40" spans="1:11" ht="15" customHeight="1">
      <c r="A40" s="17" t="s">
        <v>77</v>
      </c>
      <c r="B40" s="17"/>
      <c r="C40" s="13">
        <v>2226</v>
      </c>
      <c r="D40" s="19">
        <v>1158</v>
      </c>
      <c r="E40" s="19">
        <v>1068</v>
      </c>
      <c r="F40" s="19"/>
      <c r="G40" s="18" t="s">
        <v>78</v>
      </c>
      <c r="H40" s="17"/>
      <c r="I40" s="13">
        <v>1434</v>
      </c>
      <c r="J40" s="19">
        <v>643</v>
      </c>
      <c r="K40" s="19">
        <v>791</v>
      </c>
    </row>
    <row r="41" spans="1:11" ht="20.100000000000001" customHeight="1">
      <c r="A41" s="17" t="s">
        <v>79</v>
      </c>
      <c r="B41" s="17"/>
      <c r="C41" s="13">
        <v>11933</v>
      </c>
      <c r="D41" s="14">
        <v>6347</v>
      </c>
      <c r="E41" s="14">
        <v>5586</v>
      </c>
      <c r="F41" s="14"/>
      <c r="G41" s="18" t="s">
        <v>80</v>
      </c>
      <c r="H41" s="17"/>
      <c r="I41" s="13">
        <v>5406</v>
      </c>
      <c r="J41" s="14">
        <v>2245</v>
      </c>
      <c r="K41" s="14">
        <v>3161</v>
      </c>
    </row>
    <row r="42" spans="1:11" ht="15" customHeight="1">
      <c r="A42" s="17" t="s">
        <v>81</v>
      </c>
      <c r="B42" s="17"/>
      <c r="C42" s="13">
        <v>2323</v>
      </c>
      <c r="D42" s="19">
        <v>1256</v>
      </c>
      <c r="E42" s="19">
        <v>1067</v>
      </c>
      <c r="F42" s="19"/>
      <c r="G42" s="18" t="s">
        <v>82</v>
      </c>
      <c r="H42" s="17"/>
      <c r="I42" s="13">
        <v>1193</v>
      </c>
      <c r="J42" s="19">
        <v>518</v>
      </c>
      <c r="K42" s="19">
        <v>675</v>
      </c>
    </row>
    <row r="43" spans="1:11" ht="15" customHeight="1">
      <c r="A43" s="17" t="s">
        <v>83</v>
      </c>
      <c r="B43" s="17"/>
      <c r="C43" s="13">
        <v>2219</v>
      </c>
      <c r="D43" s="19">
        <v>1181</v>
      </c>
      <c r="E43" s="19">
        <v>1038</v>
      </c>
      <c r="F43" s="19"/>
      <c r="G43" s="18" t="s">
        <v>84</v>
      </c>
      <c r="H43" s="17"/>
      <c r="I43" s="13">
        <v>1098</v>
      </c>
      <c r="J43" s="19">
        <v>449</v>
      </c>
      <c r="K43" s="19">
        <v>649</v>
      </c>
    </row>
    <row r="44" spans="1:11" ht="15" customHeight="1">
      <c r="A44" s="17" t="s">
        <v>85</v>
      </c>
      <c r="B44" s="17"/>
      <c r="C44" s="13">
        <v>2391</v>
      </c>
      <c r="D44" s="19">
        <v>1287</v>
      </c>
      <c r="E44" s="19">
        <v>1104</v>
      </c>
      <c r="F44" s="19"/>
      <c r="G44" s="18" t="s">
        <v>86</v>
      </c>
      <c r="H44" s="17"/>
      <c r="I44" s="13">
        <v>1113</v>
      </c>
      <c r="J44" s="19">
        <v>457</v>
      </c>
      <c r="K44" s="19">
        <v>656</v>
      </c>
    </row>
    <row r="45" spans="1:11" ht="15" customHeight="1">
      <c r="A45" s="17" t="s">
        <v>87</v>
      </c>
      <c r="B45" s="17"/>
      <c r="C45" s="13">
        <v>2417</v>
      </c>
      <c r="D45" s="19">
        <v>1314</v>
      </c>
      <c r="E45" s="19">
        <v>1103</v>
      </c>
      <c r="F45" s="19"/>
      <c r="G45" s="18" t="s">
        <v>88</v>
      </c>
      <c r="H45" s="17"/>
      <c r="I45" s="13">
        <v>1033</v>
      </c>
      <c r="J45" s="19">
        <v>438</v>
      </c>
      <c r="K45" s="19">
        <v>595</v>
      </c>
    </row>
    <row r="46" spans="1:11" ht="15" customHeight="1">
      <c r="A46" s="17" t="s">
        <v>89</v>
      </c>
      <c r="B46" s="17"/>
      <c r="C46" s="13">
        <v>2583</v>
      </c>
      <c r="D46" s="19">
        <v>1309</v>
      </c>
      <c r="E46" s="19">
        <v>1274</v>
      </c>
      <c r="F46" s="19"/>
      <c r="G46" s="18" t="s">
        <v>90</v>
      </c>
      <c r="H46" s="17"/>
      <c r="I46" s="13">
        <v>969</v>
      </c>
      <c r="J46" s="19">
        <v>383</v>
      </c>
      <c r="K46" s="19">
        <v>586</v>
      </c>
    </row>
    <row r="47" spans="1:11" ht="20.100000000000001" customHeight="1">
      <c r="A47" s="17" t="s">
        <v>91</v>
      </c>
      <c r="B47" s="17"/>
      <c r="C47" s="13">
        <v>12779</v>
      </c>
      <c r="D47" s="14">
        <v>6635</v>
      </c>
      <c r="E47" s="14">
        <v>6144</v>
      </c>
      <c r="F47" s="14"/>
      <c r="G47" s="18" t="s">
        <v>92</v>
      </c>
      <c r="H47" s="17"/>
      <c r="I47" s="13">
        <v>3625</v>
      </c>
      <c r="J47" s="14">
        <v>1263</v>
      </c>
      <c r="K47" s="14">
        <v>2362</v>
      </c>
    </row>
    <row r="48" spans="1:11" ht="15" customHeight="1">
      <c r="A48" s="17" t="s">
        <v>93</v>
      </c>
      <c r="B48" s="17"/>
      <c r="C48" s="13">
        <v>2596</v>
      </c>
      <c r="D48" s="19">
        <v>1371</v>
      </c>
      <c r="E48" s="19">
        <v>1225</v>
      </c>
      <c r="F48" s="19"/>
      <c r="G48" s="18" t="s">
        <v>94</v>
      </c>
      <c r="H48" s="17"/>
      <c r="I48" s="13">
        <v>873</v>
      </c>
      <c r="J48" s="19">
        <v>295</v>
      </c>
      <c r="K48" s="19">
        <v>578</v>
      </c>
    </row>
    <row r="49" spans="1:11" ht="15" customHeight="1">
      <c r="A49" s="17" t="s">
        <v>95</v>
      </c>
      <c r="B49" s="17"/>
      <c r="C49" s="13">
        <v>2603</v>
      </c>
      <c r="D49" s="19">
        <v>1339</v>
      </c>
      <c r="E49" s="19">
        <v>1264</v>
      </c>
      <c r="F49" s="19"/>
      <c r="G49" s="18" t="s">
        <v>96</v>
      </c>
      <c r="H49" s="17"/>
      <c r="I49" s="13">
        <v>814</v>
      </c>
      <c r="J49" s="19">
        <v>303</v>
      </c>
      <c r="K49" s="19">
        <v>511</v>
      </c>
    </row>
    <row r="50" spans="1:11" ht="15" customHeight="1">
      <c r="A50" s="17" t="s">
        <v>97</v>
      </c>
      <c r="B50" s="17"/>
      <c r="C50" s="13">
        <v>2484</v>
      </c>
      <c r="D50" s="19">
        <v>1306</v>
      </c>
      <c r="E50" s="19">
        <v>1178</v>
      </c>
      <c r="F50" s="19"/>
      <c r="G50" s="18" t="s">
        <v>98</v>
      </c>
      <c r="H50" s="17"/>
      <c r="I50" s="13">
        <v>798</v>
      </c>
      <c r="J50" s="19">
        <v>279</v>
      </c>
      <c r="K50" s="19">
        <v>519</v>
      </c>
    </row>
    <row r="51" spans="1:11" ht="15" customHeight="1">
      <c r="A51" s="17" t="s">
        <v>99</v>
      </c>
      <c r="B51" s="17"/>
      <c r="C51" s="13">
        <v>2559</v>
      </c>
      <c r="D51" s="19">
        <v>1321</v>
      </c>
      <c r="E51" s="19">
        <v>1238</v>
      </c>
      <c r="F51" s="19"/>
      <c r="G51" s="18" t="s">
        <v>100</v>
      </c>
      <c r="H51" s="17"/>
      <c r="I51" s="13">
        <v>647</v>
      </c>
      <c r="J51" s="19">
        <v>215</v>
      </c>
      <c r="K51" s="19">
        <v>432</v>
      </c>
    </row>
    <row r="52" spans="1:11" ht="15" customHeight="1">
      <c r="A52" s="17" t="s">
        <v>101</v>
      </c>
      <c r="B52" s="17"/>
      <c r="C52" s="13">
        <v>2537</v>
      </c>
      <c r="D52" s="19">
        <v>1298</v>
      </c>
      <c r="E52" s="19">
        <v>1239</v>
      </c>
      <c r="F52" s="19"/>
      <c r="G52" s="18" t="s">
        <v>102</v>
      </c>
      <c r="H52" s="17"/>
      <c r="I52" s="13">
        <v>493</v>
      </c>
      <c r="J52" s="19">
        <v>171</v>
      </c>
      <c r="K52" s="19">
        <v>322</v>
      </c>
    </row>
    <row r="53" spans="1:11" ht="20.100000000000001" customHeight="1">
      <c r="A53" s="17" t="s">
        <v>103</v>
      </c>
      <c r="B53" s="17"/>
      <c r="C53" s="13">
        <v>13936</v>
      </c>
      <c r="D53" s="14">
        <v>7247</v>
      </c>
      <c r="E53" s="14">
        <v>6689</v>
      </c>
      <c r="F53" s="14"/>
      <c r="G53" s="18" t="s">
        <v>104</v>
      </c>
      <c r="H53" s="17"/>
      <c r="I53" s="13">
        <v>1635</v>
      </c>
      <c r="J53" s="14">
        <v>498</v>
      </c>
      <c r="K53" s="14">
        <v>1137</v>
      </c>
    </row>
    <row r="54" spans="1:11" ht="15" customHeight="1">
      <c r="A54" s="17" t="s">
        <v>105</v>
      </c>
      <c r="B54" s="17"/>
      <c r="C54" s="13">
        <v>2795</v>
      </c>
      <c r="D54" s="19">
        <v>1479</v>
      </c>
      <c r="E54" s="19">
        <v>1316</v>
      </c>
      <c r="F54" s="19"/>
      <c r="G54" s="18" t="s">
        <v>106</v>
      </c>
      <c r="H54" s="17"/>
      <c r="I54" s="13">
        <v>482</v>
      </c>
      <c r="J54" s="19">
        <v>141</v>
      </c>
      <c r="K54" s="19">
        <v>341</v>
      </c>
    </row>
    <row r="55" spans="1:11" ht="15" customHeight="1">
      <c r="A55" s="17" t="s">
        <v>107</v>
      </c>
      <c r="B55" s="17"/>
      <c r="C55" s="13">
        <v>2651</v>
      </c>
      <c r="D55" s="19">
        <v>1340</v>
      </c>
      <c r="E55" s="19">
        <v>1311</v>
      </c>
      <c r="F55" s="19"/>
      <c r="G55" s="18" t="s">
        <v>108</v>
      </c>
      <c r="H55" s="17"/>
      <c r="I55" s="13">
        <v>402</v>
      </c>
      <c r="J55" s="19">
        <v>129</v>
      </c>
      <c r="K55" s="19">
        <v>273</v>
      </c>
    </row>
    <row r="56" spans="1:11" ht="15" customHeight="1">
      <c r="A56" s="17" t="s">
        <v>109</v>
      </c>
      <c r="B56" s="17"/>
      <c r="C56" s="13">
        <v>2720</v>
      </c>
      <c r="D56" s="19">
        <v>1389</v>
      </c>
      <c r="E56" s="19">
        <v>1331</v>
      </c>
      <c r="F56" s="19"/>
      <c r="G56" s="18" t="s">
        <v>110</v>
      </c>
      <c r="H56" s="17"/>
      <c r="I56" s="13">
        <v>286</v>
      </c>
      <c r="J56" s="19">
        <v>92</v>
      </c>
      <c r="K56" s="19">
        <v>194</v>
      </c>
    </row>
    <row r="57" spans="1:11" ht="15" customHeight="1">
      <c r="A57" s="17" t="s">
        <v>111</v>
      </c>
      <c r="B57" s="17"/>
      <c r="C57" s="13">
        <v>2893</v>
      </c>
      <c r="D57" s="19">
        <v>1534</v>
      </c>
      <c r="E57" s="19">
        <v>1359</v>
      </c>
      <c r="F57" s="19"/>
      <c r="G57" s="18" t="s">
        <v>112</v>
      </c>
      <c r="H57" s="17"/>
      <c r="I57" s="13">
        <v>272</v>
      </c>
      <c r="J57" s="19">
        <v>79</v>
      </c>
      <c r="K57" s="19">
        <v>193</v>
      </c>
    </row>
    <row r="58" spans="1:11" ht="15" customHeight="1">
      <c r="A58" s="17" t="s">
        <v>113</v>
      </c>
      <c r="B58" s="17"/>
      <c r="C58" s="13">
        <v>2877</v>
      </c>
      <c r="D58" s="19">
        <v>1505</v>
      </c>
      <c r="E58" s="19">
        <v>1372</v>
      </c>
      <c r="F58" s="19"/>
      <c r="G58" s="18" t="s">
        <v>114</v>
      </c>
      <c r="H58" s="17"/>
      <c r="I58" s="13">
        <v>193</v>
      </c>
      <c r="J58" s="19">
        <v>57</v>
      </c>
      <c r="K58" s="19">
        <v>136</v>
      </c>
    </row>
    <row r="59" spans="1:11" ht="20.100000000000001" customHeight="1">
      <c r="A59" s="17" t="s">
        <v>115</v>
      </c>
      <c r="B59" s="17"/>
      <c r="C59" s="13">
        <v>14524</v>
      </c>
      <c r="D59" s="14">
        <v>7617</v>
      </c>
      <c r="E59" s="14">
        <v>6907</v>
      </c>
      <c r="F59" s="14"/>
      <c r="G59" s="18" t="s">
        <v>116</v>
      </c>
      <c r="H59" s="17"/>
      <c r="I59" s="13">
        <v>395</v>
      </c>
      <c r="J59" s="14">
        <v>70</v>
      </c>
      <c r="K59" s="14">
        <v>325</v>
      </c>
    </row>
    <row r="60" spans="1:11" ht="15" customHeight="1">
      <c r="A60" s="17" t="s">
        <v>117</v>
      </c>
      <c r="B60" s="17"/>
      <c r="C60" s="13">
        <v>2947</v>
      </c>
      <c r="D60" s="19">
        <v>1570</v>
      </c>
      <c r="E60" s="19">
        <v>1377</v>
      </c>
      <c r="F60" s="19"/>
      <c r="G60" s="18" t="s">
        <v>118</v>
      </c>
      <c r="H60" s="17"/>
      <c r="I60" s="13">
        <v>108</v>
      </c>
      <c r="J60" s="19">
        <v>24</v>
      </c>
      <c r="K60" s="19">
        <v>84</v>
      </c>
    </row>
    <row r="61" spans="1:11" ht="15" customHeight="1">
      <c r="A61" s="17" t="s">
        <v>119</v>
      </c>
      <c r="B61" s="17"/>
      <c r="C61" s="13">
        <v>2963</v>
      </c>
      <c r="D61" s="19">
        <v>1548</v>
      </c>
      <c r="E61" s="19">
        <v>1415</v>
      </c>
      <c r="F61" s="19"/>
      <c r="G61" s="18" t="s">
        <v>120</v>
      </c>
      <c r="H61" s="17"/>
      <c r="I61" s="13">
        <v>112</v>
      </c>
      <c r="J61" s="19">
        <v>18</v>
      </c>
      <c r="K61" s="19">
        <v>94</v>
      </c>
    </row>
    <row r="62" spans="1:11" ht="15" customHeight="1">
      <c r="A62" s="17" t="s">
        <v>121</v>
      </c>
      <c r="B62" s="17"/>
      <c r="C62" s="13">
        <v>2947</v>
      </c>
      <c r="D62" s="19">
        <v>1534</v>
      </c>
      <c r="E62" s="19">
        <v>1413</v>
      </c>
      <c r="F62" s="19"/>
      <c r="G62" s="18" t="s">
        <v>122</v>
      </c>
      <c r="H62" s="17"/>
      <c r="I62" s="13">
        <v>82</v>
      </c>
      <c r="J62" s="19">
        <v>18</v>
      </c>
      <c r="K62" s="19">
        <v>64</v>
      </c>
    </row>
    <row r="63" spans="1:11" ht="15" customHeight="1">
      <c r="A63" s="17" t="s">
        <v>123</v>
      </c>
      <c r="B63" s="17"/>
      <c r="C63" s="13">
        <v>2840</v>
      </c>
      <c r="D63" s="19">
        <v>1458</v>
      </c>
      <c r="E63" s="19">
        <v>1382</v>
      </c>
      <c r="F63" s="19"/>
      <c r="G63" s="18" t="s">
        <v>124</v>
      </c>
      <c r="H63" s="17"/>
      <c r="I63" s="13">
        <v>60</v>
      </c>
      <c r="J63" s="19">
        <v>6</v>
      </c>
      <c r="K63" s="19">
        <v>54</v>
      </c>
    </row>
    <row r="64" spans="1:11" ht="15" customHeight="1">
      <c r="A64" s="17" t="s">
        <v>125</v>
      </c>
      <c r="B64" s="17"/>
      <c r="C64" s="13">
        <v>2827</v>
      </c>
      <c r="D64" s="19">
        <v>1507</v>
      </c>
      <c r="E64" s="19">
        <v>1320</v>
      </c>
      <c r="F64" s="19"/>
      <c r="G64" s="18" t="s">
        <v>126</v>
      </c>
      <c r="H64" s="17"/>
      <c r="I64" s="13">
        <v>33</v>
      </c>
      <c r="J64" s="19">
        <v>4</v>
      </c>
      <c r="K64" s="19">
        <v>2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5</v>
      </c>
      <c r="J65" s="19">
        <v>20</v>
      </c>
      <c r="K65" s="19">
        <v>8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054</v>
      </c>
      <c r="J66" s="29">
        <v>2445</v>
      </c>
      <c r="K66" s="29">
        <v>1609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61950</v>
      </c>
      <c r="D4" s="14">
        <v>133304</v>
      </c>
      <c r="E4" s="14">
        <v>12864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3081</v>
      </c>
      <c r="D5" s="14">
        <v>6707</v>
      </c>
      <c r="E5" s="14">
        <v>6374</v>
      </c>
      <c r="F5" s="14"/>
      <c r="G5" s="18" t="s">
        <v>8</v>
      </c>
      <c r="H5" s="17"/>
      <c r="I5" s="13">
        <v>19842</v>
      </c>
      <c r="J5" s="14">
        <v>10534</v>
      </c>
      <c r="K5" s="14">
        <v>9308</v>
      </c>
    </row>
    <row r="6" spans="1:11" ht="15" customHeight="1">
      <c r="A6" s="17" t="s">
        <v>9</v>
      </c>
      <c r="B6" s="17"/>
      <c r="C6" s="13">
        <v>2787</v>
      </c>
      <c r="D6" s="19">
        <v>1437</v>
      </c>
      <c r="E6" s="19">
        <v>1350</v>
      </c>
      <c r="F6" s="19"/>
      <c r="G6" s="18" t="s">
        <v>10</v>
      </c>
      <c r="H6" s="17"/>
      <c r="I6" s="13">
        <v>4392</v>
      </c>
      <c r="J6" s="19">
        <v>2307</v>
      </c>
      <c r="K6" s="19">
        <v>2085</v>
      </c>
    </row>
    <row r="7" spans="1:11" ht="15" customHeight="1">
      <c r="A7" s="17" t="s">
        <v>11</v>
      </c>
      <c r="B7" s="17"/>
      <c r="C7" s="13">
        <v>2654</v>
      </c>
      <c r="D7" s="19">
        <v>1387</v>
      </c>
      <c r="E7" s="19">
        <v>1267</v>
      </c>
      <c r="F7" s="19"/>
      <c r="G7" s="18" t="s">
        <v>12</v>
      </c>
      <c r="H7" s="17"/>
      <c r="I7" s="13">
        <v>4239</v>
      </c>
      <c r="J7" s="19">
        <v>2236</v>
      </c>
      <c r="K7" s="19">
        <v>2003</v>
      </c>
    </row>
    <row r="8" spans="1:11" ht="15" customHeight="1">
      <c r="A8" s="17" t="s">
        <v>13</v>
      </c>
      <c r="B8" s="17"/>
      <c r="C8" s="13">
        <v>2666</v>
      </c>
      <c r="D8" s="19">
        <v>1347</v>
      </c>
      <c r="E8" s="19">
        <v>1319</v>
      </c>
      <c r="F8" s="19"/>
      <c r="G8" s="18" t="s">
        <v>14</v>
      </c>
      <c r="H8" s="17"/>
      <c r="I8" s="13">
        <v>4318</v>
      </c>
      <c r="J8" s="19">
        <v>2378</v>
      </c>
      <c r="K8" s="19">
        <v>1940</v>
      </c>
    </row>
    <row r="9" spans="1:11" ht="15" customHeight="1">
      <c r="A9" s="17" t="s">
        <v>15</v>
      </c>
      <c r="B9" s="17"/>
      <c r="C9" s="13">
        <v>2630</v>
      </c>
      <c r="D9" s="19">
        <v>1353</v>
      </c>
      <c r="E9" s="19">
        <v>1277</v>
      </c>
      <c r="F9" s="19"/>
      <c r="G9" s="18" t="s">
        <v>16</v>
      </c>
      <c r="H9" s="17"/>
      <c r="I9" s="13">
        <v>3012</v>
      </c>
      <c r="J9" s="19">
        <v>1579</v>
      </c>
      <c r="K9" s="19">
        <v>1433</v>
      </c>
    </row>
    <row r="10" spans="1:11" ht="15" customHeight="1">
      <c r="A10" s="17" t="s">
        <v>17</v>
      </c>
      <c r="B10" s="17"/>
      <c r="C10" s="13">
        <v>2344</v>
      </c>
      <c r="D10" s="19">
        <v>1183</v>
      </c>
      <c r="E10" s="19">
        <v>1161</v>
      </c>
      <c r="F10" s="19"/>
      <c r="G10" s="18" t="s">
        <v>18</v>
      </c>
      <c r="H10" s="17"/>
      <c r="I10" s="13">
        <v>3881</v>
      </c>
      <c r="J10" s="19">
        <v>2034</v>
      </c>
      <c r="K10" s="19">
        <v>1847</v>
      </c>
    </row>
    <row r="11" spans="1:11" ht="20.100000000000001" customHeight="1">
      <c r="A11" s="17" t="s">
        <v>19</v>
      </c>
      <c r="B11" s="17"/>
      <c r="C11" s="13">
        <v>10855</v>
      </c>
      <c r="D11" s="14">
        <v>5539</v>
      </c>
      <c r="E11" s="14">
        <v>5316</v>
      </c>
      <c r="F11" s="14"/>
      <c r="G11" s="18" t="s">
        <v>20</v>
      </c>
      <c r="H11" s="17"/>
      <c r="I11" s="13">
        <v>15109</v>
      </c>
      <c r="J11" s="14">
        <v>8121</v>
      </c>
      <c r="K11" s="14">
        <v>6988</v>
      </c>
    </row>
    <row r="12" spans="1:11" ht="15" customHeight="1">
      <c r="A12" s="17" t="s">
        <v>21</v>
      </c>
      <c r="B12" s="17"/>
      <c r="C12" s="13">
        <v>2352</v>
      </c>
      <c r="D12" s="19">
        <v>1182</v>
      </c>
      <c r="E12" s="19">
        <v>1170</v>
      </c>
      <c r="F12" s="19"/>
      <c r="G12" s="18" t="s">
        <v>22</v>
      </c>
      <c r="H12" s="17"/>
      <c r="I12" s="13">
        <v>3530</v>
      </c>
      <c r="J12" s="19">
        <v>1885</v>
      </c>
      <c r="K12" s="19">
        <v>1645</v>
      </c>
    </row>
    <row r="13" spans="1:11" ht="15" customHeight="1">
      <c r="A13" s="17" t="s">
        <v>23</v>
      </c>
      <c r="B13" s="17"/>
      <c r="C13" s="13">
        <v>2161</v>
      </c>
      <c r="D13" s="19">
        <v>1118</v>
      </c>
      <c r="E13" s="19">
        <v>1043</v>
      </c>
      <c r="F13" s="19"/>
      <c r="G13" s="18" t="s">
        <v>24</v>
      </c>
      <c r="H13" s="17"/>
      <c r="I13" s="13">
        <v>3288</v>
      </c>
      <c r="J13" s="19">
        <v>1794</v>
      </c>
      <c r="K13" s="19">
        <v>1494</v>
      </c>
    </row>
    <row r="14" spans="1:11" ht="15" customHeight="1">
      <c r="A14" s="17" t="s">
        <v>25</v>
      </c>
      <c r="B14" s="17"/>
      <c r="C14" s="13">
        <v>2140</v>
      </c>
      <c r="D14" s="19">
        <v>1131</v>
      </c>
      <c r="E14" s="19">
        <v>1009</v>
      </c>
      <c r="F14" s="19"/>
      <c r="G14" s="18" t="s">
        <v>26</v>
      </c>
      <c r="H14" s="17"/>
      <c r="I14" s="13">
        <v>2969</v>
      </c>
      <c r="J14" s="19">
        <v>1581</v>
      </c>
      <c r="K14" s="19">
        <v>1388</v>
      </c>
    </row>
    <row r="15" spans="1:11" ht="15" customHeight="1">
      <c r="A15" s="17" t="s">
        <v>27</v>
      </c>
      <c r="B15" s="17"/>
      <c r="C15" s="13">
        <v>2135</v>
      </c>
      <c r="D15" s="19">
        <v>1081</v>
      </c>
      <c r="E15" s="19">
        <v>1054</v>
      </c>
      <c r="F15" s="19"/>
      <c r="G15" s="18" t="s">
        <v>28</v>
      </c>
      <c r="H15" s="17"/>
      <c r="I15" s="13">
        <v>2680</v>
      </c>
      <c r="J15" s="19">
        <v>1437</v>
      </c>
      <c r="K15" s="19">
        <v>1243</v>
      </c>
    </row>
    <row r="16" spans="1:11" ht="15" customHeight="1">
      <c r="A16" s="17" t="s">
        <v>29</v>
      </c>
      <c r="B16" s="17"/>
      <c r="C16" s="13">
        <v>2067</v>
      </c>
      <c r="D16" s="19">
        <v>1027</v>
      </c>
      <c r="E16" s="19">
        <v>1040</v>
      </c>
      <c r="F16" s="19"/>
      <c r="G16" s="18" t="s">
        <v>30</v>
      </c>
      <c r="H16" s="17"/>
      <c r="I16" s="13">
        <v>2642</v>
      </c>
      <c r="J16" s="19">
        <v>1424</v>
      </c>
      <c r="K16" s="19">
        <v>1218</v>
      </c>
    </row>
    <row r="17" spans="1:11" ht="20.100000000000001" customHeight="1">
      <c r="A17" s="20" t="s">
        <v>31</v>
      </c>
      <c r="B17" s="20"/>
      <c r="C17" s="13">
        <v>9848</v>
      </c>
      <c r="D17" s="14">
        <v>5111</v>
      </c>
      <c r="E17" s="14">
        <v>4737</v>
      </c>
      <c r="F17" s="14"/>
      <c r="G17" s="18" t="s">
        <v>32</v>
      </c>
      <c r="H17" s="17"/>
      <c r="I17" s="13">
        <v>11031</v>
      </c>
      <c r="J17" s="14">
        <v>5897</v>
      </c>
      <c r="K17" s="14">
        <v>5134</v>
      </c>
    </row>
    <row r="18" spans="1:11" ht="15" customHeight="1">
      <c r="A18" s="17" t="s">
        <v>33</v>
      </c>
      <c r="B18" s="17"/>
      <c r="C18" s="13">
        <v>2087</v>
      </c>
      <c r="D18" s="19">
        <v>1059</v>
      </c>
      <c r="E18" s="19">
        <v>1028</v>
      </c>
      <c r="F18" s="19"/>
      <c r="G18" s="18" t="s">
        <v>34</v>
      </c>
      <c r="H18" s="17"/>
      <c r="I18" s="13">
        <v>2409</v>
      </c>
      <c r="J18" s="19">
        <v>1320</v>
      </c>
      <c r="K18" s="19">
        <v>1089</v>
      </c>
    </row>
    <row r="19" spans="1:11" ht="15" customHeight="1">
      <c r="A19" s="17" t="s">
        <v>35</v>
      </c>
      <c r="B19" s="17"/>
      <c r="C19" s="13">
        <v>2023</v>
      </c>
      <c r="D19" s="19">
        <v>1043</v>
      </c>
      <c r="E19" s="19">
        <v>980</v>
      </c>
      <c r="F19" s="19"/>
      <c r="G19" s="18" t="s">
        <v>36</v>
      </c>
      <c r="H19" s="17"/>
      <c r="I19" s="13">
        <v>2380</v>
      </c>
      <c r="J19" s="19">
        <v>1299</v>
      </c>
      <c r="K19" s="19">
        <v>1081</v>
      </c>
    </row>
    <row r="20" spans="1:11" ht="15" customHeight="1">
      <c r="A20" s="17" t="s">
        <v>37</v>
      </c>
      <c r="B20" s="17"/>
      <c r="C20" s="13">
        <v>1926</v>
      </c>
      <c r="D20" s="19">
        <v>1013</v>
      </c>
      <c r="E20" s="19">
        <v>913</v>
      </c>
      <c r="F20" s="19"/>
      <c r="G20" s="18" t="s">
        <v>38</v>
      </c>
      <c r="H20" s="17"/>
      <c r="I20" s="13">
        <v>2101</v>
      </c>
      <c r="J20" s="19">
        <v>1102</v>
      </c>
      <c r="K20" s="19">
        <v>999</v>
      </c>
    </row>
    <row r="21" spans="1:11" ht="15" customHeight="1">
      <c r="A21" s="17" t="s">
        <v>39</v>
      </c>
      <c r="B21" s="17"/>
      <c r="C21" s="13">
        <v>1959</v>
      </c>
      <c r="D21" s="19">
        <v>1038</v>
      </c>
      <c r="E21" s="19">
        <v>921</v>
      </c>
      <c r="F21" s="19"/>
      <c r="G21" s="18" t="s">
        <v>40</v>
      </c>
      <c r="H21" s="17"/>
      <c r="I21" s="13">
        <v>2137</v>
      </c>
      <c r="J21" s="19">
        <v>1126</v>
      </c>
      <c r="K21" s="19">
        <v>1011</v>
      </c>
    </row>
    <row r="22" spans="1:11" ht="15" customHeight="1">
      <c r="A22" s="17" t="s">
        <v>41</v>
      </c>
      <c r="B22" s="17"/>
      <c r="C22" s="13">
        <v>1853</v>
      </c>
      <c r="D22" s="19">
        <v>958</v>
      </c>
      <c r="E22" s="19">
        <v>895</v>
      </c>
      <c r="F22" s="19"/>
      <c r="G22" s="18" t="s">
        <v>42</v>
      </c>
      <c r="H22" s="17"/>
      <c r="I22" s="13">
        <v>2004</v>
      </c>
      <c r="J22" s="19">
        <v>1050</v>
      </c>
      <c r="K22" s="19">
        <v>954</v>
      </c>
    </row>
    <row r="23" spans="1:11" ht="20.100000000000001" customHeight="1">
      <c r="A23" s="17" t="s">
        <v>43</v>
      </c>
      <c r="B23" s="17"/>
      <c r="C23" s="13">
        <v>9857</v>
      </c>
      <c r="D23" s="14">
        <v>5095</v>
      </c>
      <c r="E23" s="14">
        <v>4762</v>
      </c>
      <c r="F23" s="14"/>
      <c r="G23" s="18" t="s">
        <v>44</v>
      </c>
      <c r="H23" s="17"/>
      <c r="I23" s="13">
        <v>10137</v>
      </c>
      <c r="J23" s="14">
        <v>5131</v>
      </c>
      <c r="K23" s="14">
        <v>5006</v>
      </c>
    </row>
    <row r="24" spans="1:11" ht="15" customHeight="1">
      <c r="A24" s="17" t="s">
        <v>45</v>
      </c>
      <c r="B24" s="17"/>
      <c r="C24" s="13">
        <v>1935</v>
      </c>
      <c r="D24" s="19">
        <v>1011</v>
      </c>
      <c r="E24" s="19">
        <v>924</v>
      </c>
      <c r="F24" s="19"/>
      <c r="G24" s="18" t="s">
        <v>46</v>
      </c>
      <c r="H24" s="17"/>
      <c r="I24" s="13">
        <v>1923</v>
      </c>
      <c r="J24" s="19">
        <v>982</v>
      </c>
      <c r="K24" s="19">
        <v>941</v>
      </c>
    </row>
    <row r="25" spans="1:11" ht="15" customHeight="1">
      <c r="A25" s="17" t="s">
        <v>47</v>
      </c>
      <c r="B25" s="17"/>
      <c r="C25" s="13">
        <v>1921</v>
      </c>
      <c r="D25" s="19">
        <v>979</v>
      </c>
      <c r="E25" s="19">
        <v>942</v>
      </c>
      <c r="F25" s="19"/>
      <c r="G25" s="18" t="s">
        <v>48</v>
      </c>
      <c r="H25" s="17"/>
      <c r="I25" s="13">
        <v>1917</v>
      </c>
      <c r="J25" s="19">
        <v>989</v>
      </c>
      <c r="K25" s="19">
        <v>928</v>
      </c>
    </row>
    <row r="26" spans="1:11" ht="15" customHeight="1">
      <c r="A26" s="17" t="s">
        <v>49</v>
      </c>
      <c r="B26" s="17"/>
      <c r="C26" s="13">
        <v>1838</v>
      </c>
      <c r="D26" s="19">
        <v>947</v>
      </c>
      <c r="E26" s="19">
        <v>891</v>
      </c>
      <c r="F26" s="19"/>
      <c r="G26" s="18" t="s">
        <v>50</v>
      </c>
      <c r="H26" s="17"/>
      <c r="I26" s="13">
        <v>2037</v>
      </c>
      <c r="J26" s="19">
        <v>1051</v>
      </c>
      <c r="K26" s="19">
        <v>986</v>
      </c>
    </row>
    <row r="27" spans="1:11" ht="15" customHeight="1">
      <c r="A27" s="17" t="s">
        <v>51</v>
      </c>
      <c r="B27" s="17"/>
      <c r="C27" s="13">
        <v>1924</v>
      </c>
      <c r="D27" s="19">
        <v>1018</v>
      </c>
      <c r="E27" s="19">
        <v>906</v>
      </c>
      <c r="F27" s="19"/>
      <c r="G27" s="18" t="s">
        <v>52</v>
      </c>
      <c r="H27" s="17"/>
      <c r="I27" s="13">
        <v>1984</v>
      </c>
      <c r="J27" s="19">
        <v>961</v>
      </c>
      <c r="K27" s="19">
        <v>1023</v>
      </c>
    </row>
    <row r="28" spans="1:11" ht="15" customHeight="1">
      <c r="A28" s="17" t="s">
        <v>53</v>
      </c>
      <c r="B28" s="17"/>
      <c r="C28" s="13">
        <v>2239</v>
      </c>
      <c r="D28" s="19">
        <v>1140</v>
      </c>
      <c r="E28" s="19">
        <v>1099</v>
      </c>
      <c r="F28" s="19"/>
      <c r="G28" s="18" t="s">
        <v>54</v>
      </c>
      <c r="H28" s="17"/>
      <c r="I28" s="13">
        <v>2276</v>
      </c>
      <c r="J28" s="19">
        <v>1148</v>
      </c>
      <c r="K28" s="19">
        <v>1128</v>
      </c>
    </row>
    <row r="29" spans="1:11" ht="20.100000000000001" customHeight="1">
      <c r="A29" s="17" t="s">
        <v>55</v>
      </c>
      <c r="B29" s="17"/>
      <c r="C29" s="13">
        <v>15461</v>
      </c>
      <c r="D29" s="14">
        <v>7967</v>
      </c>
      <c r="E29" s="14">
        <v>7494</v>
      </c>
      <c r="F29" s="14"/>
      <c r="G29" s="18" t="s">
        <v>56</v>
      </c>
      <c r="H29" s="17"/>
      <c r="I29" s="13">
        <v>9641</v>
      </c>
      <c r="J29" s="14">
        <v>4662</v>
      </c>
      <c r="K29" s="14">
        <v>4979</v>
      </c>
    </row>
    <row r="30" spans="1:11" ht="15" customHeight="1">
      <c r="A30" s="17" t="s">
        <v>57</v>
      </c>
      <c r="B30" s="17"/>
      <c r="C30" s="13">
        <v>2169</v>
      </c>
      <c r="D30" s="19">
        <v>1052</v>
      </c>
      <c r="E30" s="19">
        <v>1117</v>
      </c>
      <c r="F30" s="19"/>
      <c r="G30" s="18" t="s">
        <v>58</v>
      </c>
      <c r="H30" s="17"/>
      <c r="I30" s="13">
        <v>2350</v>
      </c>
      <c r="J30" s="19">
        <v>1145</v>
      </c>
      <c r="K30" s="19">
        <v>1205</v>
      </c>
    </row>
    <row r="31" spans="1:11" ht="15" customHeight="1">
      <c r="A31" s="17" t="s">
        <v>59</v>
      </c>
      <c r="B31" s="17"/>
      <c r="C31" s="13">
        <v>2473</v>
      </c>
      <c r="D31" s="19">
        <v>1220</v>
      </c>
      <c r="E31" s="19">
        <v>1253</v>
      </c>
      <c r="F31" s="19"/>
      <c r="G31" s="18" t="s">
        <v>60</v>
      </c>
      <c r="H31" s="17"/>
      <c r="I31" s="13">
        <v>2349</v>
      </c>
      <c r="J31" s="19">
        <v>1167</v>
      </c>
      <c r="K31" s="19">
        <v>1182</v>
      </c>
    </row>
    <row r="32" spans="1:11" ht="15" customHeight="1">
      <c r="A32" s="17" t="s">
        <v>61</v>
      </c>
      <c r="B32" s="17"/>
      <c r="C32" s="13">
        <v>2883</v>
      </c>
      <c r="D32" s="19">
        <v>1464</v>
      </c>
      <c r="E32" s="19">
        <v>1419</v>
      </c>
      <c r="F32" s="19"/>
      <c r="G32" s="18" t="s">
        <v>62</v>
      </c>
      <c r="H32" s="17"/>
      <c r="I32" s="13">
        <v>2089</v>
      </c>
      <c r="J32" s="19">
        <v>1032</v>
      </c>
      <c r="K32" s="19">
        <v>1057</v>
      </c>
    </row>
    <row r="33" spans="1:11" ht="15" customHeight="1">
      <c r="A33" s="17" t="s">
        <v>63</v>
      </c>
      <c r="B33" s="17"/>
      <c r="C33" s="13">
        <v>3756</v>
      </c>
      <c r="D33" s="19">
        <v>1978</v>
      </c>
      <c r="E33" s="19">
        <v>1778</v>
      </c>
      <c r="F33" s="19"/>
      <c r="G33" s="18" t="s">
        <v>64</v>
      </c>
      <c r="H33" s="17"/>
      <c r="I33" s="13">
        <v>1502</v>
      </c>
      <c r="J33" s="19">
        <v>709</v>
      </c>
      <c r="K33" s="19">
        <v>793</v>
      </c>
    </row>
    <row r="34" spans="1:11" ht="15" customHeight="1">
      <c r="A34" s="17" t="s">
        <v>65</v>
      </c>
      <c r="B34" s="17"/>
      <c r="C34" s="13">
        <v>4180</v>
      </c>
      <c r="D34" s="19">
        <v>2253</v>
      </c>
      <c r="E34" s="19">
        <v>1927</v>
      </c>
      <c r="F34" s="19"/>
      <c r="G34" s="18" t="s">
        <v>66</v>
      </c>
      <c r="H34" s="17"/>
      <c r="I34" s="13">
        <v>1351</v>
      </c>
      <c r="J34" s="19">
        <v>609</v>
      </c>
      <c r="K34" s="19">
        <v>742</v>
      </c>
    </row>
    <row r="35" spans="1:11" ht="20.100000000000001" customHeight="1">
      <c r="A35" s="17" t="s">
        <v>67</v>
      </c>
      <c r="B35" s="17"/>
      <c r="C35" s="13">
        <v>23146</v>
      </c>
      <c r="D35" s="14">
        <v>12087</v>
      </c>
      <c r="E35" s="14">
        <v>11059</v>
      </c>
      <c r="F35" s="14"/>
      <c r="G35" s="18" t="s">
        <v>68</v>
      </c>
      <c r="H35" s="17"/>
      <c r="I35" s="13">
        <v>7784</v>
      </c>
      <c r="J35" s="14">
        <v>3496</v>
      </c>
      <c r="K35" s="14">
        <v>4288</v>
      </c>
    </row>
    <row r="36" spans="1:11" ht="15" customHeight="1">
      <c r="A36" s="17" t="s">
        <v>69</v>
      </c>
      <c r="B36" s="17"/>
      <c r="C36" s="13">
        <v>4554</v>
      </c>
      <c r="D36" s="19">
        <v>2297</v>
      </c>
      <c r="E36" s="19">
        <v>2257</v>
      </c>
      <c r="F36" s="19"/>
      <c r="G36" s="18" t="s">
        <v>70</v>
      </c>
      <c r="H36" s="17"/>
      <c r="I36" s="13">
        <v>1617</v>
      </c>
      <c r="J36" s="19">
        <v>758</v>
      </c>
      <c r="K36" s="19">
        <v>859</v>
      </c>
    </row>
    <row r="37" spans="1:11" ht="15" customHeight="1">
      <c r="A37" s="17" t="s">
        <v>71</v>
      </c>
      <c r="B37" s="17"/>
      <c r="C37" s="13">
        <v>4714</v>
      </c>
      <c r="D37" s="19">
        <v>2499</v>
      </c>
      <c r="E37" s="19">
        <v>2215</v>
      </c>
      <c r="F37" s="19"/>
      <c r="G37" s="18" t="s">
        <v>72</v>
      </c>
      <c r="H37" s="17"/>
      <c r="I37" s="13">
        <v>1722</v>
      </c>
      <c r="J37" s="19">
        <v>792</v>
      </c>
      <c r="K37" s="19">
        <v>930</v>
      </c>
    </row>
    <row r="38" spans="1:11" ht="15" customHeight="1">
      <c r="A38" s="17" t="s">
        <v>73</v>
      </c>
      <c r="B38" s="17"/>
      <c r="C38" s="13">
        <v>4812</v>
      </c>
      <c r="D38" s="19">
        <v>2576</v>
      </c>
      <c r="E38" s="19">
        <v>2236</v>
      </c>
      <c r="F38" s="19"/>
      <c r="G38" s="18" t="s">
        <v>74</v>
      </c>
      <c r="H38" s="17"/>
      <c r="I38" s="13">
        <v>1524</v>
      </c>
      <c r="J38" s="19">
        <v>662</v>
      </c>
      <c r="K38" s="19">
        <v>862</v>
      </c>
    </row>
    <row r="39" spans="1:11" ht="15" customHeight="1">
      <c r="A39" s="17" t="s">
        <v>75</v>
      </c>
      <c r="B39" s="17"/>
      <c r="C39" s="13">
        <v>4635</v>
      </c>
      <c r="D39" s="19">
        <v>2434</v>
      </c>
      <c r="E39" s="19">
        <v>2201</v>
      </c>
      <c r="F39" s="19"/>
      <c r="G39" s="18" t="s">
        <v>76</v>
      </c>
      <c r="H39" s="17"/>
      <c r="I39" s="13">
        <v>1607</v>
      </c>
      <c r="J39" s="19">
        <v>731</v>
      </c>
      <c r="K39" s="19">
        <v>876</v>
      </c>
    </row>
    <row r="40" spans="1:11" ht="15" customHeight="1">
      <c r="A40" s="17" t="s">
        <v>77</v>
      </c>
      <c r="B40" s="17"/>
      <c r="C40" s="13">
        <v>4431</v>
      </c>
      <c r="D40" s="19">
        <v>2281</v>
      </c>
      <c r="E40" s="19">
        <v>2150</v>
      </c>
      <c r="F40" s="19"/>
      <c r="G40" s="18" t="s">
        <v>78</v>
      </c>
      <c r="H40" s="17"/>
      <c r="I40" s="13">
        <v>1314</v>
      </c>
      <c r="J40" s="19">
        <v>553</v>
      </c>
      <c r="K40" s="19">
        <v>761</v>
      </c>
    </row>
    <row r="41" spans="1:11" ht="20.100000000000001" customHeight="1">
      <c r="A41" s="17" t="s">
        <v>79</v>
      </c>
      <c r="B41" s="17"/>
      <c r="C41" s="13">
        <v>22654</v>
      </c>
      <c r="D41" s="14">
        <v>11478</v>
      </c>
      <c r="E41" s="14">
        <v>11176</v>
      </c>
      <c r="F41" s="14"/>
      <c r="G41" s="18" t="s">
        <v>80</v>
      </c>
      <c r="H41" s="17"/>
      <c r="I41" s="13">
        <v>5659</v>
      </c>
      <c r="J41" s="14">
        <v>2231</v>
      </c>
      <c r="K41" s="14">
        <v>3428</v>
      </c>
    </row>
    <row r="42" spans="1:11" ht="15" customHeight="1">
      <c r="A42" s="17" t="s">
        <v>81</v>
      </c>
      <c r="B42" s="17"/>
      <c r="C42" s="13">
        <v>4371</v>
      </c>
      <c r="D42" s="19">
        <v>2137</v>
      </c>
      <c r="E42" s="19">
        <v>2234</v>
      </c>
      <c r="F42" s="19"/>
      <c r="G42" s="18" t="s">
        <v>82</v>
      </c>
      <c r="H42" s="17"/>
      <c r="I42" s="13">
        <v>1235</v>
      </c>
      <c r="J42" s="19">
        <v>518</v>
      </c>
      <c r="K42" s="19">
        <v>717</v>
      </c>
    </row>
    <row r="43" spans="1:11" ht="15" customHeight="1">
      <c r="A43" s="17" t="s">
        <v>83</v>
      </c>
      <c r="B43" s="17"/>
      <c r="C43" s="13">
        <v>4499</v>
      </c>
      <c r="D43" s="19">
        <v>2290</v>
      </c>
      <c r="E43" s="19">
        <v>2209</v>
      </c>
      <c r="F43" s="19"/>
      <c r="G43" s="18" t="s">
        <v>84</v>
      </c>
      <c r="H43" s="17"/>
      <c r="I43" s="13">
        <v>1120</v>
      </c>
      <c r="J43" s="19">
        <v>456</v>
      </c>
      <c r="K43" s="19">
        <v>664</v>
      </c>
    </row>
    <row r="44" spans="1:11" ht="15" customHeight="1">
      <c r="A44" s="17" t="s">
        <v>85</v>
      </c>
      <c r="B44" s="17"/>
      <c r="C44" s="13">
        <v>4563</v>
      </c>
      <c r="D44" s="19">
        <v>2317</v>
      </c>
      <c r="E44" s="19">
        <v>2246</v>
      </c>
      <c r="F44" s="19"/>
      <c r="G44" s="18" t="s">
        <v>86</v>
      </c>
      <c r="H44" s="17"/>
      <c r="I44" s="13">
        <v>1186</v>
      </c>
      <c r="J44" s="19">
        <v>446</v>
      </c>
      <c r="K44" s="19">
        <v>740</v>
      </c>
    </row>
    <row r="45" spans="1:11" ht="15" customHeight="1">
      <c r="A45" s="17" t="s">
        <v>87</v>
      </c>
      <c r="B45" s="17"/>
      <c r="C45" s="13">
        <v>4557</v>
      </c>
      <c r="D45" s="19">
        <v>2328</v>
      </c>
      <c r="E45" s="19">
        <v>2229</v>
      </c>
      <c r="F45" s="19"/>
      <c r="G45" s="18" t="s">
        <v>88</v>
      </c>
      <c r="H45" s="17"/>
      <c r="I45" s="13">
        <v>1063</v>
      </c>
      <c r="J45" s="19">
        <v>433</v>
      </c>
      <c r="K45" s="19">
        <v>630</v>
      </c>
    </row>
    <row r="46" spans="1:11" ht="15" customHeight="1">
      <c r="A46" s="17" t="s">
        <v>89</v>
      </c>
      <c r="B46" s="17"/>
      <c r="C46" s="13">
        <v>4664</v>
      </c>
      <c r="D46" s="19">
        <v>2406</v>
      </c>
      <c r="E46" s="19">
        <v>2258</v>
      </c>
      <c r="F46" s="19"/>
      <c r="G46" s="18" t="s">
        <v>90</v>
      </c>
      <c r="H46" s="17"/>
      <c r="I46" s="13">
        <v>1055</v>
      </c>
      <c r="J46" s="19">
        <v>378</v>
      </c>
      <c r="K46" s="19">
        <v>677</v>
      </c>
    </row>
    <row r="47" spans="1:11" ht="20.100000000000001" customHeight="1">
      <c r="A47" s="17" t="s">
        <v>91</v>
      </c>
      <c r="B47" s="17"/>
      <c r="C47" s="13">
        <v>22462</v>
      </c>
      <c r="D47" s="14">
        <v>11600</v>
      </c>
      <c r="E47" s="14">
        <v>10862</v>
      </c>
      <c r="F47" s="14"/>
      <c r="G47" s="18" t="s">
        <v>92</v>
      </c>
      <c r="H47" s="17"/>
      <c r="I47" s="13">
        <v>3795</v>
      </c>
      <c r="J47" s="14">
        <v>1278</v>
      </c>
      <c r="K47" s="14">
        <v>2517</v>
      </c>
    </row>
    <row r="48" spans="1:11" ht="15" customHeight="1">
      <c r="A48" s="17" t="s">
        <v>93</v>
      </c>
      <c r="B48" s="17"/>
      <c r="C48" s="13">
        <v>4675</v>
      </c>
      <c r="D48" s="19">
        <v>2417</v>
      </c>
      <c r="E48" s="19">
        <v>2258</v>
      </c>
      <c r="F48" s="19"/>
      <c r="G48" s="18" t="s">
        <v>94</v>
      </c>
      <c r="H48" s="17"/>
      <c r="I48" s="13">
        <v>935</v>
      </c>
      <c r="J48" s="19">
        <v>319</v>
      </c>
      <c r="K48" s="19">
        <v>616</v>
      </c>
    </row>
    <row r="49" spans="1:11" ht="15" customHeight="1">
      <c r="A49" s="17" t="s">
        <v>95</v>
      </c>
      <c r="B49" s="17"/>
      <c r="C49" s="13">
        <v>4688</v>
      </c>
      <c r="D49" s="19">
        <v>2441</v>
      </c>
      <c r="E49" s="19">
        <v>2247</v>
      </c>
      <c r="F49" s="19"/>
      <c r="G49" s="18" t="s">
        <v>96</v>
      </c>
      <c r="H49" s="17"/>
      <c r="I49" s="13">
        <v>834</v>
      </c>
      <c r="J49" s="19">
        <v>301</v>
      </c>
      <c r="K49" s="19">
        <v>533</v>
      </c>
    </row>
    <row r="50" spans="1:11" ht="15" customHeight="1">
      <c r="A50" s="17" t="s">
        <v>97</v>
      </c>
      <c r="B50" s="17"/>
      <c r="C50" s="13">
        <v>4422</v>
      </c>
      <c r="D50" s="19">
        <v>2325</v>
      </c>
      <c r="E50" s="19">
        <v>2097</v>
      </c>
      <c r="F50" s="19"/>
      <c r="G50" s="18" t="s">
        <v>98</v>
      </c>
      <c r="H50" s="17"/>
      <c r="I50" s="13">
        <v>771</v>
      </c>
      <c r="J50" s="19">
        <v>243</v>
      </c>
      <c r="K50" s="19">
        <v>528</v>
      </c>
    </row>
    <row r="51" spans="1:11" ht="15" customHeight="1">
      <c r="A51" s="17" t="s">
        <v>99</v>
      </c>
      <c r="B51" s="17"/>
      <c r="C51" s="13">
        <v>4285</v>
      </c>
      <c r="D51" s="19">
        <v>2202</v>
      </c>
      <c r="E51" s="19">
        <v>2083</v>
      </c>
      <c r="F51" s="19"/>
      <c r="G51" s="18" t="s">
        <v>100</v>
      </c>
      <c r="H51" s="17"/>
      <c r="I51" s="13">
        <v>663</v>
      </c>
      <c r="J51" s="19">
        <v>226</v>
      </c>
      <c r="K51" s="19">
        <v>437</v>
      </c>
    </row>
    <row r="52" spans="1:11" ht="15" customHeight="1">
      <c r="A52" s="17" t="s">
        <v>101</v>
      </c>
      <c r="B52" s="17"/>
      <c r="C52" s="13">
        <v>4392</v>
      </c>
      <c r="D52" s="19">
        <v>2215</v>
      </c>
      <c r="E52" s="19">
        <v>2177</v>
      </c>
      <c r="F52" s="19"/>
      <c r="G52" s="18" t="s">
        <v>102</v>
      </c>
      <c r="H52" s="17"/>
      <c r="I52" s="13">
        <v>592</v>
      </c>
      <c r="J52" s="19">
        <v>189</v>
      </c>
      <c r="K52" s="19">
        <v>403</v>
      </c>
    </row>
    <row r="53" spans="1:11" ht="20.100000000000001" customHeight="1">
      <c r="A53" s="17" t="s">
        <v>103</v>
      </c>
      <c r="B53" s="17"/>
      <c r="C53" s="13">
        <v>22654</v>
      </c>
      <c r="D53" s="14">
        <v>11709</v>
      </c>
      <c r="E53" s="14">
        <v>10945</v>
      </c>
      <c r="F53" s="14"/>
      <c r="G53" s="18" t="s">
        <v>104</v>
      </c>
      <c r="H53" s="17"/>
      <c r="I53" s="13">
        <v>1899</v>
      </c>
      <c r="J53" s="14">
        <v>560</v>
      </c>
      <c r="K53" s="14">
        <v>1339</v>
      </c>
    </row>
    <row r="54" spans="1:11" ht="15" customHeight="1">
      <c r="A54" s="17" t="s">
        <v>105</v>
      </c>
      <c r="B54" s="17"/>
      <c r="C54" s="13">
        <v>4467</v>
      </c>
      <c r="D54" s="19">
        <v>2295</v>
      </c>
      <c r="E54" s="19">
        <v>2172</v>
      </c>
      <c r="F54" s="19"/>
      <c r="G54" s="18" t="s">
        <v>106</v>
      </c>
      <c r="H54" s="17"/>
      <c r="I54" s="13">
        <v>557</v>
      </c>
      <c r="J54" s="19">
        <v>184</v>
      </c>
      <c r="K54" s="19">
        <v>373</v>
      </c>
    </row>
    <row r="55" spans="1:11" ht="15" customHeight="1">
      <c r="A55" s="17" t="s">
        <v>107</v>
      </c>
      <c r="B55" s="17"/>
      <c r="C55" s="13">
        <v>4549</v>
      </c>
      <c r="D55" s="19">
        <v>2327</v>
      </c>
      <c r="E55" s="19">
        <v>2222</v>
      </c>
      <c r="F55" s="19"/>
      <c r="G55" s="18" t="s">
        <v>108</v>
      </c>
      <c r="H55" s="17"/>
      <c r="I55" s="13">
        <v>445</v>
      </c>
      <c r="J55" s="19">
        <v>116</v>
      </c>
      <c r="K55" s="19">
        <v>329</v>
      </c>
    </row>
    <row r="56" spans="1:11" ht="15" customHeight="1">
      <c r="A56" s="17" t="s">
        <v>109</v>
      </c>
      <c r="B56" s="17"/>
      <c r="C56" s="13">
        <v>4447</v>
      </c>
      <c r="D56" s="19">
        <v>2311</v>
      </c>
      <c r="E56" s="19">
        <v>2136</v>
      </c>
      <c r="F56" s="19"/>
      <c r="G56" s="18" t="s">
        <v>110</v>
      </c>
      <c r="H56" s="17"/>
      <c r="I56" s="13">
        <v>363</v>
      </c>
      <c r="J56" s="19">
        <v>88</v>
      </c>
      <c r="K56" s="19">
        <v>275</v>
      </c>
    </row>
    <row r="57" spans="1:11" ht="15" customHeight="1">
      <c r="A57" s="17" t="s">
        <v>111</v>
      </c>
      <c r="B57" s="17"/>
      <c r="C57" s="13">
        <v>4571</v>
      </c>
      <c r="D57" s="19">
        <v>2399</v>
      </c>
      <c r="E57" s="19">
        <v>2172</v>
      </c>
      <c r="F57" s="19"/>
      <c r="G57" s="18" t="s">
        <v>112</v>
      </c>
      <c r="H57" s="17"/>
      <c r="I57" s="13">
        <v>289</v>
      </c>
      <c r="J57" s="19">
        <v>95</v>
      </c>
      <c r="K57" s="19">
        <v>194</v>
      </c>
    </row>
    <row r="58" spans="1:11" ht="15" customHeight="1">
      <c r="A58" s="17" t="s">
        <v>113</v>
      </c>
      <c r="B58" s="17"/>
      <c r="C58" s="13">
        <v>4620</v>
      </c>
      <c r="D58" s="19">
        <v>2377</v>
      </c>
      <c r="E58" s="19">
        <v>2243</v>
      </c>
      <c r="F58" s="19"/>
      <c r="G58" s="18" t="s">
        <v>114</v>
      </c>
      <c r="H58" s="17"/>
      <c r="I58" s="13">
        <v>245</v>
      </c>
      <c r="J58" s="19">
        <v>77</v>
      </c>
      <c r="K58" s="19">
        <v>168</v>
      </c>
    </row>
    <row r="59" spans="1:11" ht="20.100000000000001" customHeight="1">
      <c r="A59" s="17" t="s">
        <v>115</v>
      </c>
      <c r="B59" s="17"/>
      <c r="C59" s="13">
        <v>23152</v>
      </c>
      <c r="D59" s="14">
        <v>11896</v>
      </c>
      <c r="E59" s="14">
        <v>11256</v>
      </c>
      <c r="F59" s="14"/>
      <c r="G59" s="18" t="s">
        <v>116</v>
      </c>
      <c r="H59" s="17"/>
      <c r="I59" s="13">
        <v>458</v>
      </c>
      <c r="J59" s="14">
        <v>96</v>
      </c>
      <c r="K59" s="14">
        <v>362</v>
      </c>
    </row>
    <row r="60" spans="1:11" ht="15" customHeight="1">
      <c r="A60" s="17" t="s">
        <v>117</v>
      </c>
      <c r="B60" s="17"/>
      <c r="C60" s="13">
        <v>4861</v>
      </c>
      <c r="D60" s="19">
        <v>2524</v>
      </c>
      <c r="E60" s="19">
        <v>2337</v>
      </c>
      <c r="F60" s="19"/>
      <c r="G60" s="18" t="s">
        <v>118</v>
      </c>
      <c r="H60" s="17"/>
      <c r="I60" s="13">
        <v>150</v>
      </c>
      <c r="J60" s="19">
        <v>30</v>
      </c>
      <c r="K60" s="19">
        <v>120</v>
      </c>
    </row>
    <row r="61" spans="1:11" ht="15" customHeight="1">
      <c r="A61" s="17" t="s">
        <v>119</v>
      </c>
      <c r="B61" s="17"/>
      <c r="C61" s="13">
        <v>4817</v>
      </c>
      <c r="D61" s="19">
        <v>2519</v>
      </c>
      <c r="E61" s="19">
        <v>2298</v>
      </c>
      <c r="F61" s="19"/>
      <c r="G61" s="18" t="s">
        <v>120</v>
      </c>
      <c r="H61" s="17"/>
      <c r="I61" s="13">
        <v>112</v>
      </c>
      <c r="J61" s="19">
        <v>22</v>
      </c>
      <c r="K61" s="19">
        <v>90</v>
      </c>
    </row>
    <row r="62" spans="1:11" ht="15" customHeight="1">
      <c r="A62" s="17" t="s">
        <v>121</v>
      </c>
      <c r="B62" s="17"/>
      <c r="C62" s="13">
        <v>4673</v>
      </c>
      <c r="D62" s="19">
        <v>2375</v>
      </c>
      <c r="E62" s="19">
        <v>2298</v>
      </c>
      <c r="F62" s="19"/>
      <c r="G62" s="18" t="s">
        <v>122</v>
      </c>
      <c r="H62" s="17"/>
      <c r="I62" s="13">
        <v>109</v>
      </c>
      <c r="J62" s="19">
        <v>30</v>
      </c>
      <c r="K62" s="19">
        <v>79</v>
      </c>
    </row>
    <row r="63" spans="1:11" ht="15" customHeight="1">
      <c r="A63" s="17" t="s">
        <v>123</v>
      </c>
      <c r="B63" s="17"/>
      <c r="C63" s="13">
        <v>4463</v>
      </c>
      <c r="D63" s="19">
        <v>2231</v>
      </c>
      <c r="E63" s="19">
        <v>2232</v>
      </c>
      <c r="F63" s="19"/>
      <c r="G63" s="18" t="s">
        <v>124</v>
      </c>
      <c r="H63" s="17"/>
      <c r="I63" s="13">
        <v>52</v>
      </c>
      <c r="J63" s="19">
        <v>12</v>
      </c>
      <c r="K63" s="19">
        <v>40</v>
      </c>
    </row>
    <row r="64" spans="1:11" ht="15" customHeight="1">
      <c r="A64" s="17" t="s">
        <v>125</v>
      </c>
      <c r="B64" s="17"/>
      <c r="C64" s="13">
        <v>4338</v>
      </c>
      <c r="D64" s="19">
        <v>2247</v>
      </c>
      <c r="E64" s="19">
        <v>2091</v>
      </c>
      <c r="F64" s="19"/>
      <c r="G64" s="18" t="s">
        <v>126</v>
      </c>
      <c r="H64" s="17"/>
      <c r="I64" s="13">
        <v>35</v>
      </c>
      <c r="J64" s="19">
        <v>2</v>
      </c>
      <c r="K64" s="19">
        <v>3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1</v>
      </c>
      <c r="J65" s="19">
        <v>5</v>
      </c>
      <c r="K65" s="19">
        <v>5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364</v>
      </c>
      <c r="J66" s="29">
        <v>2104</v>
      </c>
      <c r="K66" s="29">
        <v>126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3262</v>
      </c>
      <c r="D4" s="14">
        <v>116956</v>
      </c>
      <c r="E4" s="14">
        <v>11630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394</v>
      </c>
      <c r="D5" s="14">
        <v>5312</v>
      </c>
      <c r="E5" s="14">
        <v>5082</v>
      </c>
      <c r="F5" s="14"/>
      <c r="G5" s="18" t="s">
        <v>8</v>
      </c>
      <c r="H5" s="17"/>
      <c r="I5" s="13">
        <v>18233</v>
      </c>
      <c r="J5" s="14">
        <v>9629</v>
      </c>
      <c r="K5" s="14">
        <v>8604</v>
      </c>
    </row>
    <row r="6" spans="1:11" ht="15" customHeight="1">
      <c r="A6" s="17" t="s">
        <v>9</v>
      </c>
      <c r="B6" s="17"/>
      <c r="C6" s="13">
        <v>2102</v>
      </c>
      <c r="D6" s="19">
        <v>1073</v>
      </c>
      <c r="E6" s="19">
        <v>1029</v>
      </c>
      <c r="F6" s="19"/>
      <c r="G6" s="18" t="s">
        <v>10</v>
      </c>
      <c r="H6" s="17"/>
      <c r="I6" s="13">
        <v>3935</v>
      </c>
      <c r="J6" s="19">
        <v>2081</v>
      </c>
      <c r="K6" s="19">
        <v>1854</v>
      </c>
    </row>
    <row r="7" spans="1:11" ht="15" customHeight="1">
      <c r="A7" s="17" t="s">
        <v>11</v>
      </c>
      <c r="B7" s="17"/>
      <c r="C7" s="13">
        <v>2104</v>
      </c>
      <c r="D7" s="19">
        <v>1073</v>
      </c>
      <c r="E7" s="19">
        <v>1031</v>
      </c>
      <c r="F7" s="19"/>
      <c r="G7" s="18" t="s">
        <v>12</v>
      </c>
      <c r="H7" s="17"/>
      <c r="I7" s="13">
        <v>3899</v>
      </c>
      <c r="J7" s="19">
        <v>2038</v>
      </c>
      <c r="K7" s="19">
        <v>1861</v>
      </c>
    </row>
    <row r="8" spans="1:11" ht="15" customHeight="1">
      <c r="A8" s="17" t="s">
        <v>13</v>
      </c>
      <c r="B8" s="17"/>
      <c r="C8" s="13">
        <v>2144</v>
      </c>
      <c r="D8" s="19">
        <v>1062</v>
      </c>
      <c r="E8" s="19">
        <v>1082</v>
      </c>
      <c r="F8" s="19"/>
      <c r="G8" s="18" t="s">
        <v>14</v>
      </c>
      <c r="H8" s="17"/>
      <c r="I8" s="13">
        <v>4056</v>
      </c>
      <c r="J8" s="19">
        <v>2144</v>
      </c>
      <c r="K8" s="19">
        <v>1912</v>
      </c>
    </row>
    <row r="9" spans="1:11" ht="15" customHeight="1">
      <c r="A9" s="17" t="s">
        <v>15</v>
      </c>
      <c r="B9" s="17"/>
      <c r="C9" s="13">
        <v>2116</v>
      </c>
      <c r="D9" s="19">
        <v>1078</v>
      </c>
      <c r="E9" s="19">
        <v>1038</v>
      </c>
      <c r="F9" s="19"/>
      <c r="G9" s="18" t="s">
        <v>16</v>
      </c>
      <c r="H9" s="17"/>
      <c r="I9" s="13">
        <v>2844</v>
      </c>
      <c r="J9" s="19">
        <v>1500</v>
      </c>
      <c r="K9" s="19">
        <v>1344</v>
      </c>
    </row>
    <row r="10" spans="1:11" ht="15" customHeight="1">
      <c r="A10" s="17" t="s">
        <v>17</v>
      </c>
      <c r="B10" s="17"/>
      <c r="C10" s="13">
        <v>1928</v>
      </c>
      <c r="D10" s="19">
        <v>1026</v>
      </c>
      <c r="E10" s="19">
        <v>902</v>
      </c>
      <c r="F10" s="19"/>
      <c r="G10" s="18" t="s">
        <v>18</v>
      </c>
      <c r="H10" s="17"/>
      <c r="I10" s="13">
        <v>3499</v>
      </c>
      <c r="J10" s="19">
        <v>1866</v>
      </c>
      <c r="K10" s="19">
        <v>1633</v>
      </c>
    </row>
    <row r="11" spans="1:11" ht="20.100000000000001" customHeight="1">
      <c r="A11" s="17" t="s">
        <v>19</v>
      </c>
      <c r="B11" s="17"/>
      <c r="C11" s="13">
        <v>9623</v>
      </c>
      <c r="D11" s="14">
        <v>4965</v>
      </c>
      <c r="E11" s="14">
        <v>4658</v>
      </c>
      <c r="F11" s="14"/>
      <c r="G11" s="18" t="s">
        <v>20</v>
      </c>
      <c r="H11" s="17"/>
      <c r="I11" s="13">
        <v>13963</v>
      </c>
      <c r="J11" s="14">
        <v>7371</v>
      </c>
      <c r="K11" s="14">
        <v>6592</v>
      </c>
    </row>
    <row r="12" spans="1:11" ht="15" customHeight="1">
      <c r="A12" s="17" t="s">
        <v>21</v>
      </c>
      <c r="B12" s="17"/>
      <c r="C12" s="13">
        <v>1939</v>
      </c>
      <c r="D12" s="19">
        <v>1007</v>
      </c>
      <c r="E12" s="19">
        <v>932</v>
      </c>
      <c r="F12" s="19"/>
      <c r="G12" s="18" t="s">
        <v>22</v>
      </c>
      <c r="H12" s="17"/>
      <c r="I12" s="13">
        <v>3126</v>
      </c>
      <c r="J12" s="19">
        <v>1641</v>
      </c>
      <c r="K12" s="19">
        <v>1485</v>
      </c>
    </row>
    <row r="13" spans="1:11" ht="15" customHeight="1">
      <c r="A13" s="17" t="s">
        <v>23</v>
      </c>
      <c r="B13" s="17"/>
      <c r="C13" s="13">
        <v>1914</v>
      </c>
      <c r="D13" s="19">
        <v>950</v>
      </c>
      <c r="E13" s="19">
        <v>964</v>
      </c>
      <c r="F13" s="19"/>
      <c r="G13" s="18" t="s">
        <v>24</v>
      </c>
      <c r="H13" s="17"/>
      <c r="I13" s="13">
        <v>2969</v>
      </c>
      <c r="J13" s="19">
        <v>1571</v>
      </c>
      <c r="K13" s="19">
        <v>1398</v>
      </c>
    </row>
    <row r="14" spans="1:11" ht="15" customHeight="1">
      <c r="A14" s="17" t="s">
        <v>25</v>
      </c>
      <c r="B14" s="17"/>
      <c r="C14" s="13">
        <v>1923</v>
      </c>
      <c r="D14" s="19">
        <v>1005</v>
      </c>
      <c r="E14" s="19">
        <v>918</v>
      </c>
      <c r="F14" s="19"/>
      <c r="G14" s="18" t="s">
        <v>26</v>
      </c>
      <c r="H14" s="17"/>
      <c r="I14" s="13">
        <v>2774</v>
      </c>
      <c r="J14" s="19">
        <v>1491</v>
      </c>
      <c r="K14" s="19">
        <v>1283</v>
      </c>
    </row>
    <row r="15" spans="1:11" ht="15" customHeight="1">
      <c r="A15" s="17" t="s">
        <v>27</v>
      </c>
      <c r="B15" s="17"/>
      <c r="C15" s="13">
        <v>1951</v>
      </c>
      <c r="D15" s="19">
        <v>1018</v>
      </c>
      <c r="E15" s="19">
        <v>933</v>
      </c>
      <c r="F15" s="19"/>
      <c r="G15" s="18" t="s">
        <v>28</v>
      </c>
      <c r="H15" s="17"/>
      <c r="I15" s="13">
        <v>2687</v>
      </c>
      <c r="J15" s="19">
        <v>1400</v>
      </c>
      <c r="K15" s="19">
        <v>1287</v>
      </c>
    </row>
    <row r="16" spans="1:11" ht="15" customHeight="1">
      <c r="A16" s="17" t="s">
        <v>29</v>
      </c>
      <c r="B16" s="17"/>
      <c r="C16" s="13">
        <v>1896</v>
      </c>
      <c r="D16" s="19">
        <v>985</v>
      </c>
      <c r="E16" s="19">
        <v>911</v>
      </c>
      <c r="F16" s="19"/>
      <c r="G16" s="18" t="s">
        <v>30</v>
      </c>
      <c r="H16" s="17"/>
      <c r="I16" s="13">
        <v>2407</v>
      </c>
      <c r="J16" s="19">
        <v>1268</v>
      </c>
      <c r="K16" s="19">
        <v>1139</v>
      </c>
    </row>
    <row r="17" spans="1:11" ht="20.100000000000001" customHeight="1">
      <c r="A17" s="20" t="s">
        <v>31</v>
      </c>
      <c r="B17" s="20"/>
      <c r="C17" s="13">
        <v>9503</v>
      </c>
      <c r="D17" s="14">
        <v>4881</v>
      </c>
      <c r="E17" s="14">
        <v>4622</v>
      </c>
      <c r="F17" s="14"/>
      <c r="G17" s="18" t="s">
        <v>32</v>
      </c>
      <c r="H17" s="17"/>
      <c r="I17" s="13">
        <v>10382</v>
      </c>
      <c r="J17" s="14">
        <v>5276</v>
      </c>
      <c r="K17" s="14">
        <v>5106</v>
      </c>
    </row>
    <row r="18" spans="1:11" ht="15" customHeight="1">
      <c r="A18" s="17" t="s">
        <v>33</v>
      </c>
      <c r="B18" s="17"/>
      <c r="C18" s="13">
        <v>1915</v>
      </c>
      <c r="D18" s="19">
        <v>982</v>
      </c>
      <c r="E18" s="19">
        <v>933</v>
      </c>
      <c r="F18" s="19"/>
      <c r="G18" s="18" t="s">
        <v>34</v>
      </c>
      <c r="H18" s="17"/>
      <c r="I18" s="13">
        <v>2248</v>
      </c>
      <c r="J18" s="19">
        <v>1167</v>
      </c>
      <c r="K18" s="19">
        <v>1081</v>
      </c>
    </row>
    <row r="19" spans="1:11" ht="15" customHeight="1">
      <c r="A19" s="17" t="s">
        <v>35</v>
      </c>
      <c r="B19" s="17"/>
      <c r="C19" s="13">
        <v>1952</v>
      </c>
      <c r="D19" s="19">
        <v>1032</v>
      </c>
      <c r="E19" s="19">
        <v>920</v>
      </c>
      <c r="F19" s="19"/>
      <c r="G19" s="18" t="s">
        <v>36</v>
      </c>
      <c r="H19" s="17"/>
      <c r="I19" s="13">
        <v>2134</v>
      </c>
      <c r="J19" s="19">
        <v>1070</v>
      </c>
      <c r="K19" s="19">
        <v>1064</v>
      </c>
    </row>
    <row r="20" spans="1:11" ht="15" customHeight="1">
      <c r="A20" s="17" t="s">
        <v>37</v>
      </c>
      <c r="B20" s="17"/>
      <c r="C20" s="13">
        <v>1881</v>
      </c>
      <c r="D20" s="19">
        <v>952</v>
      </c>
      <c r="E20" s="19">
        <v>929</v>
      </c>
      <c r="F20" s="19"/>
      <c r="G20" s="18" t="s">
        <v>38</v>
      </c>
      <c r="H20" s="17"/>
      <c r="I20" s="13">
        <v>1970</v>
      </c>
      <c r="J20" s="19">
        <v>1017</v>
      </c>
      <c r="K20" s="19">
        <v>953</v>
      </c>
    </row>
    <row r="21" spans="1:11" ht="15" customHeight="1">
      <c r="A21" s="17" t="s">
        <v>39</v>
      </c>
      <c r="B21" s="17"/>
      <c r="C21" s="13">
        <v>1914</v>
      </c>
      <c r="D21" s="19">
        <v>970</v>
      </c>
      <c r="E21" s="19">
        <v>944</v>
      </c>
      <c r="F21" s="19"/>
      <c r="G21" s="18" t="s">
        <v>40</v>
      </c>
      <c r="H21" s="17"/>
      <c r="I21" s="13">
        <v>2028</v>
      </c>
      <c r="J21" s="19">
        <v>1041</v>
      </c>
      <c r="K21" s="19">
        <v>987</v>
      </c>
    </row>
    <row r="22" spans="1:11" ht="15" customHeight="1">
      <c r="A22" s="17" t="s">
        <v>41</v>
      </c>
      <c r="B22" s="17"/>
      <c r="C22" s="13">
        <v>1841</v>
      </c>
      <c r="D22" s="19">
        <v>945</v>
      </c>
      <c r="E22" s="19">
        <v>896</v>
      </c>
      <c r="F22" s="19"/>
      <c r="G22" s="18" t="s">
        <v>42</v>
      </c>
      <c r="H22" s="17"/>
      <c r="I22" s="13">
        <v>2002</v>
      </c>
      <c r="J22" s="19">
        <v>981</v>
      </c>
      <c r="K22" s="19">
        <v>1021</v>
      </c>
    </row>
    <row r="23" spans="1:11" ht="20.100000000000001" customHeight="1">
      <c r="A23" s="17" t="s">
        <v>43</v>
      </c>
      <c r="B23" s="17"/>
      <c r="C23" s="13">
        <v>9599</v>
      </c>
      <c r="D23" s="14">
        <v>4879</v>
      </c>
      <c r="E23" s="14">
        <v>4720</v>
      </c>
      <c r="F23" s="14"/>
      <c r="G23" s="18" t="s">
        <v>44</v>
      </c>
      <c r="H23" s="17"/>
      <c r="I23" s="13">
        <v>10788</v>
      </c>
      <c r="J23" s="14">
        <v>5332</v>
      </c>
      <c r="K23" s="14">
        <v>5456</v>
      </c>
    </row>
    <row r="24" spans="1:11" ht="15" customHeight="1">
      <c r="A24" s="17" t="s">
        <v>45</v>
      </c>
      <c r="B24" s="17"/>
      <c r="C24" s="13">
        <v>1905</v>
      </c>
      <c r="D24" s="19">
        <v>1012</v>
      </c>
      <c r="E24" s="19">
        <v>893</v>
      </c>
      <c r="F24" s="19"/>
      <c r="G24" s="18" t="s">
        <v>46</v>
      </c>
      <c r="H24" s="17"/>
      <c r="I24" s="13">
        <v>1935</v>
      </c>
      <c r="J24" s="19">
        <v>938</v>
      </c>
      <c r="K24" s="19">
        <v>997</v>
      </c>
    </row>
    <row r="25" spans="1:11" ht="15" customHeight="1">
      <c r="A25" s="17" t="s">
        <v>47</v>
      </c>
      <c r="B25" s="17"/>
      <c r="C25" s="13">
        <v>1811</v>
      </c>
      <c r="D25" s="19">
        <v>947</v>
      </c>
      <c r="E25" s="19">
        <v>864</v>
      </c>
      <c r="F25" s="19"/>
      <c r="G25" s="18" t="s">
        <v>48</v>
      </c>
      <c r="H25" s="17"/>
      <c r="I25" s="13">
        <v>2065</v>
      </c>
      <c r="J25" s="19">
        <v>1053</v>
      </c>
      <c r="K25" s="19">
        <v>1012</v>
      </c>
    </row>
    <row r="26" spans="1:11" ht="15" customHeight="1">
      <c r="A26" s="17" t="s">
        <v>49</v>
      </c>
      <c r="B26" s="17"/>
      <c r="C26" s="13">
        <v>1842</v>
      </c>
      <c r="D26" s="19">
        <v>934</v>
      </c>
      <c r="E26" s="19">
        <v>908</v>
      </c>
      <c r="F26" s="19"/>
      <c r="G26" s="18" t="s">
        <v>50</v>
      </c>
      <c r="H26" s="17"/>
      <c r="I26" s="13">
        <v>2189</v>
      </c>
      <c r="J26" s="19">
        <v>1057</v>
      </c>
      <c r="K26" s="19">
        <v>1132</v>
      </c>
    </row>
    <row r="27" spans="1:11" ht="15" customHeight="1">
      <c r="A27" s="17" t="s">
        <v>51</v>
      </c>
      <c r="B27" s="17"/>
      <c r="C27" s="13">
        <v>1920</v>
      </c>
      <c r="D27" s="19">
        <v>926</v>
      </c>
      <c r="E27" s="19">
        <v>994</v>
      </c>
      <c r="F27" s="19"/>
      <c r="G27" s="18" t="s">
        <v>52</v>
      </c>
      <c r="H27" s="17"/>
      <c r="I27" s="13">
        <v>2247</v>
      </c>
      <c r="J27" s="19">
        <v>1098</v>
      </c>
      <c r="K27" s="19">
        <v>1149</v>
      </c>
    </row>
    <row r="28" spans="1:11" ht="15" customHeight="1">
      <c r="A28" s="17" t="s">
        <v>53</v>
      </c>
      <c r="B28" s="17"/>
      <c r="C28" s="13">
        <v>2121</v>
      </c>
      <c r="D28" s="19">
        <v>1060</v>
      </c>
      <c r="E28" s="19">
        <v>1061</v>
      </c>
      <c r="F28" s="19"/>
      <c r="G28" s="18" t="s">
        <v>54</v>
      </c>
      <c r="H28" s="17"/>
      <c r="I28" s="13">
        <v>2352</v>
      </c>
      <c r="J28" s="19">
        <v>1186</v>
      </c>
      <c r="K28" s="19">
        <v>1166</v>
      </c>
    </row>
    <row r="29" spans="1:11" ht="20.100000000000001" customHeight="1">
      <c r="A29" s="17" t="s">
        <v>55</v>
      </c>
      <c r="B29" s="17"/>
      <c r="C29" s="13">
        <v>13930</v>
      </c>
      <c r="D29" s="14">
        <v>6949</v>
      </c>
      <c r="E29" s="14">
        <v>6981</v>
      </c>
      <c r="F29" s="14"/>
      <c r="G29" s="18" t="s">
        <v>56</v>
      </c>
      <c r="H29" s="17"/>
      <c r="I29" s="13">
        <v>11013</v>
      </c>
      <c r="J29" s="14">
        <v>5272</v>
      </c>
      <c r="K29" s="14">
        <v>5741</v>
      </c>
    </row>
    <row r="30" spans="1:11" ht="15" customHeight="1">
      <c r="A30" s="17" t="s">
        <v>57</v>
      </c>
      <c r="B30" s="17"/>
      <c r="C30" s="13">
        <v>2172</v>
      </c>
      <c r="D30" s="19">
        <v>1083</v>
      </c>
      <c r="E30" s="19">
        <v>1089</v>
      </c>
      <c r="F30" s="19"/>
      <c r="G30" s="18" t="s">
        <v>58</v>
      </c>
      <c r="H30" s="17"/>
      <c r="I30" s="13">
        <v>2654</v>
      </c>
      <c r="J30" s="19">
        <v>1276</v>
      </c>
      <c r="K30" s="19">
        <v>1378</v>
      </c>
    </row>
    <row r="31" spans="1:11" ht="15" customHeight="1">
      <c r="A31" s="17" t="s">
        <v>59</v>
      </c>
      <c r="B31" s="17"/>
      <c r="C31" s="13">
        <v>2370</v>
      </c>
      <c r="D31" s="19">
        <v>1188</v>
      </c>
      <c r="E31" s="19">
        <v>1182</v>
      </c>
      <c r="F31" s="19"/>
      <c r="G31" s="18" t="s">
        <v>60</v>
      </c>
      <c r="H31" s="17"/>
      <c r="I31" s="13">
        <v>2591</v>
      </c>
      <c r="J31" s="19">
        <v>1242</v>
      </c>
      <c r="K31" s="19">
        <v>1349</v>
      </c>
    </row>
    <row r="32" spans="1:11" ht="15" customHeight="1">
      <c r="A32" s="17" t="s">
        <v>61</v>
      </c>
      <c r="B32" s="17"/>
      <c r="C32" s="13">
        <v>2657</v>
      </c>
      <c r="D32" s="19">
        <v>1324</v>
      </c>
      <c r="E32" s="19">
        <v>1333</v>
      </c>
      <c r="F32" s="19"/>
      <c r="G32" s="18" t="s">
        <v>62</v>
      </c>
      <c r="H32" s="17"/>
      <c r="I32" s="13">
        <v>2475</v>
      </c>
      <c r="J32" s="19">
        <v>1183</v>
      </c>
      <c r="K32" s="19">
        <v>1292</v>
      </c>
    </row>
    <row r="33" spans="1:11" ht="15" customHeight="1">
      <c r="A33" s="17" t="s">
        <v>63</v>
      </c>
      <c r="B33" s="17"/>
      <c r="C33" s="13">
        <v>3327</v>
      </c>
      <c r="D33" s="19">
        <v>1631</v>
      </c>
      <c r="E33" s="19">
        <v>1696</v>
      </c>
      <c r="F33" s="19"/>
      <c r="G33" s="18" t="s">
        <v>64</v>
      </c>
      <c r="H33" s="17"/>
      <c r="I33" s="13">
        <v>1747</v>
      </c>
      <c r="J33" s="19">
        <v>833</v>
      </c>
      <c r="K33" s="19">
        <v>914</v>
      </c>
    </row>
    <row r="34" spans="1:11" ht="15" customHeight="1">
      <c r="A34" s="17" t="s">
        <v>65</v>
      </c>
      <c r="B34" s="17"/>
      <c r="C34" s="13">
        <v>3404</v>
      </c>
      <c r="D34" s="19">
        <v>1723</v>
      </c>
      <c r="E34" s="19">
        <v>1681</v>
      </c>
      <c r="F34" s="19"/>
      <c r="G34" s="18" t="s">
        <v>66</v>
      </c>
      <c r="H34" s="17"/>
      <c r="I34" s="13">
        <v>1546</v>
      </c>
      <c r="J34" s="19">
        <v>738</v>
      </c>
      <c r="K34" s="19">
        <v>808</v>
      </c>
    </row>
    <row r="35" spans="1:11" ht="20.100000000000001" customHeight="1">
      <c r="A35" s="17" t="s">
        <v>67</v>
      </c>
      <c r="B35" s="17"/>
      <c r="C35" s="13">
        <v>16996</v>
      </c>
      <c r="D35" s="14">
        <v>8925</v>
      </c>
      <c r="E35" s="14">
        <v>8071</v>
      </c>
      <c r="F35" s="14"/>
      <c r="G35" s="18" t="s">
        <v>68</v>
      </c>
      <c r="H35" s="17"/>
      <c r="I35" s="13">
        <v>8831</v>
      </c>
      <c r="J35" s="14">
        <v>3965</v>
      </c>
      <c r="K35" s="14">
        <v>4866</v>
      </c>
    </row>
    <row r="36" spans="1:11" ht="15" customHeight="1">
      <c r="A36" s="17" t="s">
        <v>69</v>
      </c>
      <c r="B36" s="17"/>
      <c r="C36" s="13">
        <v>3632</v>
      </c>
      <c r="D36" s="19">
        <v>1864</v>
      </c>
      <c r="E36" s="19">
        <v>1768</v>
      </c>
      <c r="F36" s="19"/>
      <c r="G36" s="18" t="s">
        <v>70</v>
      </c>
      <c r="H36" s="17"/>
      <c r="I36" s="13">
        <v>1879</v>
      </c>
      <c r="J36" s="19">
        <v>856</v>
      </c>
      <c r="K36" s="19">
        <v>1023</v>
      </c>
    </row>
    <row r="37" spans="1:11" ht="15" customHeight="1">
      <c r="A37" s="17" t="s">
        <v>71</v>
      </c>
      <c r="B37" s="17"/>
      <c r="C37" s="13">
        <v>3237</v>
      </c>
      <c r="D37" s="19">
        <v>1686</v>
      </c>
      <c r="E37" s="19">
        <v>1551</v>
      </c>
      <c r="F37" s="19"/>
      <c r="G37" s="18" t="s">
        <v>72</v>
      </c>
      <c r="H37" s="17"/>
      <c r="I37" s="13">
        <v>1878</v>
      </c>
      <c r="J37" s="19">
        <v>869</v>
      </c>
      <c r="K37" s="19">
        <v>1009</v>
      </c>
    </row>
    <row r="38" spans="1:11" ht="15" customHeight="1">
      <c r="A38" s="17" t="s">
        <v>73</v>
      </c>
      <c r="B38" s="17"/>
      <c r="C38" s="13">
        <v>3474</v>
      </c>
      <c r="D38" s="19">
        <v>1928</v>
      </c>
      <c r="E38" s="19">
        <v>1546</v>
      </c>
      <c r="F38" s="19"/>
      <c r="G38" s="18" t="s">
        <v>74</v>
      </c>
      <c r="H38" s="17"/>
      <c r="I38" s="13">
        <v>1763</v>
      </c>
      <c r="J38" s="19">
        <v>788</v>
      </c>
      <c r="K38" s="19">
        <v>975</v>
      </c>
    </row>
    <row r="39" spans="1:11" ht="15" customHeight="1">
      <c r="A39" s="17" t="s">
        <v>75</v>
      </c>
      <c r="B39" s="17"/>
      <c r="C39" s="13">
        <v>3385</v>
      </c>
      <c r="D39" s="19">
        <v>1796</v>
      </c>
      <c r="E39" s="19">
        <v>1589</v>
      </c>
      <c r="F39" s="19"/>
      <c r="G39" s="18" t="s">
        <v>76</v>
      </c>
      <c r="H39" s="17"/>
      <c r="I39" s="13">
        <v>1727</v>
      </c>
      <c r="J39" s="19">
        <v>768</v>
      </c>
      <c r="K39" s="19">
        <v>959</v>
      </c>
    </row>
    <row r="40" spans="1:11" ht="15" customHeight="1">
      <c r="A40" s="17" t="s">
        <v>77</v>
      </c>
      <c r="B40" s="17"/>
      <c r="C40" s="13">
        <v>3268</v>
      </c>
      <c r="D40" s="19">
        <v>1651</v>
      </c>
      <c r="E40" s="19">
        <v>1617</v>
      </c>
      <c r="F40" s="19"/>
      <c r="G40" s="18" t="s">
        <v>78</v>
      </c>
      <c r="H40" s="17"/>
      <c r="I40" s="13">
        <v>1584</v>
      </c>
      <c r="J40" s="19">
        <v>684</v>
      </c>
      <c r="K40" s="19">
        <v>900</v>
      </c>
    </row>
    <row r="41" spans="1:11" ht="20.100000000000001" customHeight="1">
      <c r="A41" s="17" t="s">
        <v>79</v>
      </c>
      <c r="B41" s="17"/>
      <c r="C41" s="13">
        <v>16502</v>
      </c>
      <c r="D41" s="14">
        <v>8318</v>
      </c>
      <c r="E41" s="14">
        <v>8184</v>
      </c>
      <c r="F41" s="14"/>
      <c r="G41" s="18" t="s">
        <v>80</v>
      </c>
      <c r="H41" s="17"/>
      <c r="I41" s="13">
        <v>6202</v>
      </c>
      <c r="J41" s="14">
        <v>2489</v>
      </c>
      <c r="K41" s="14">
        <v>3713</v>
      </c>
    </row>
    <row r="42" spans="1:11" ht="15" customHeight="1">
      <c r="A42" s="17" t="s">
        <v>81</v>
      </c>
      <c r="B42" s="17"/>
      <c r="C42" s="13">
        <v>3175</v>
      </c>
      <c r="D42" s="19">
        <v>1590</v>
      </c>
      <c r="E42" s="19">
        <v>1585</v>
      </c>
      <c r="F42" s="19"/>
      <c r="G42" s="18" t="s">
        <v>82</v>
      </c>
      <c r="H42" s="17"/>
      <c r="I42" s="13">
        <v>1269</v>
      </c>
      <c r="J42" s="19">
        <v>535</v>
      </c>
      <c r="K42" s="19">
        <v>734</v>
      </c>
    </row>
    <row r="43" spans="1:11" ht="15" customHeight="1">
      <c r="A43" s="17" t="s">
        <v>83</v>
      </c>
      <c r="B43" s="17"/>
      <c r="C43" s="13">
        <v>3204</v>
      </c>
      <c r="D43" s="19">
        <v>1636</v>
      </c>
      <c r="E43" s="19">
        <v>1568</v>
      </c>
      <c r="F43" s="19"/>
      <c r="G43" s="18" t="s">
        <v>84</v>
      </c>
      <c r="H43" s="17"/>
      <c r="I43" s="13">
        <v>1271</v>
      </c>
      <c r="J43" s="19">
        <v>511</v>
      </c>
      <c r="K43" s="19">
        <v>760</v>
      </c>
    </row>
    <row r="44" spans="1:11" ht="15" customHeight="1">
      <c r="A44" s="17" t="s">
        <v>85</v>
      </c>
      <c r="B44" s="17"/>
      <c r="C44" s="13">
        <v>3286</v>
      </c>
      <c r="D44" s="19">
        <v>1644</v>
      </c>
      <c r="E44" s="19">
        <v>1642</v>
      </c>
      <c r="F44" s="19"/>
      <c r="G44" s="18" t="s">
        <v>86</v>
      </c>
      <c r="H44" s="17"/>
      <c r="I44" s="13">
        <v>1271</v>
      </c>
      <c r="J44" s="19">
        <v>495</v>
      </c>
      <c r="K44" s="19">
        <v>776</v>
      </c>
    </row>
    <row r="45" spans="1:11" ht="15" customHeight="1">
      <c r="A45" s="17" t="s">
        <v>87</v>
      </c>
      <c r="B45" s="17"/>
      <c r="C45" s="13">
        <v>3404</v>
      </c>
      <c r="D45" s="19">
        <v>1738</v>
      </c>
      <c r="E45" s="19">
        <v>1666</v>
      </c>
      <c r="F45" s="19"/>
      <c r="G45" s="18" t="s">
        <v>88</v>
      </c>
      <c r="H45" s="17"/>
      <c r="I45" s="13">
        <v>1164</v>
      </c>
      <c r="J45" s="19">
        <v>464</v>
      </c>
      <c r="K45" s="19">
        <v>700</v>
      </c>
    </row>
    <row r="46" spans="1:11" ht="15" customHeight="1">
      <c r="A46" s="17" t="s">
        <v>89</v>
      </c>
      <c r="B46" s="17"/>
      <c r="C46" s="13">
        <v>3433</v>
      </c>
      <c r="D46" s="19">
        <v>1710</v>
      </c>
      <c r="E46" s="19">
        <v>1723</v>
      </c>
      <c r="F46" s="19"/>
      <c r="G46" s="18" t="s">
        <v>90</v>
      </c>
      <c r="H46" s="17"/>
      <c r="I46" s="13">
        <v>1227</v>
      </c>
      <c r="J46" s="19">
        <v>484</v>
      </c>
      <c r="K46" s="19">
        <v>743</v>
      </c>
    </row>
    <row r="47" spans="1:11" ht="20.100000000000001" customHeight="1">
      <c r="A47" s="17" t="s">
        <v>91</v>
      </c>
      <c r="B47" s="17"/>
      <c r="C47" s="13">
        <v>17790</v>
      </c>
      <c r="D47" s="14">
        <v>9132</v>
      </c>
      <c r="E47" s="14">
        <v>8658</v>
      </c>
      <c r="F47" s="14"/>
      <c r="G47" s="18" t="s">
        <v>92</v>
      </c>
      <c r="H47" s="17"/>
      <c r="I47" s="13">
        <v>3931</v>
      </c>
      <c r="J47" s="14">
        <v>1345</v>
      </c>
      <c r="K47" s="14">
        <v>2586</v>
      </c>
    </row>
    <row r="48" spans="1:11" ht="15" customHeight="1">
      <c r="A48" s="17" t="s">
        <v>93</v>
      </c>
      <c r="B48" s="17"/>
      <c r="C48" s="13">
        <v>3730</v>
      </c>
      <c r="D48" s="19">
        <v>1892</v>
      </c>
      <c r="E48" s="19">
        <v>1838</v>
      </c>
      <c r="F48" s="19"/>
      <c r="G48" s="18" t="s">
        <v>94</v>
      </c>
      <c r="H48" s="17"/>
      <c r="I48" s="13">
        <v>981</v>
      </c>
      <c r="J48" s="19">
        <v>363</v>
      </c>
      <c r="K48" s="19">
        <v>618</v>
      </c>
    </row>
    <row r="49" spans="1:11" ht="15" customHeight="1">
      <c r="A49" s="17" t="s">
        <v>95</v>
      </c>
      <c r="B49" s="17"/>
      <c r="C49" s="13">
        <v>3546</v>
      </c>
      <c r="D49" s="19">
        <v>1888</v>
      </c>
      <c r="E49" s="19">
        <v>1658</v>
      </c>
      <c r="F49" s="19"/>
      <c r="G49" s="18" t="s">
        <v>96</v>
      </c>
      <c r="H49" s="17"/>
      <c r="I49" s="13">
        <v>895</v>
      </c>
      <c r="J49" s="19">
        <v>326</v>
      </c>
      <c r="K49" s="19">
        <v>569</v>
      </c>
    </row>
    <row r="50" spans="1:11" ht="15" customHeight="1">
      <c r="A50" s="17" t="s">
        <v>97</v>
      </c>
      <c r="B50" s="17"/>
      <c r="C50" s="13">
        <v>3433</v>
      </c>
      <c r="D50" s="19">
        <v>1740</v>
      </c>
      <c r="E50" s="19">
        <v>1693</v>
      </c>
      <c r="F50" s="19"/>
      <c r="G50" s="18" t="s">
        <v>98</v>
      </c>
      <c r="H50" s="17"/>
      <c r="I50" s="13">
        <v>829</v>
      </c>
      <c r="J50" s="19">
        <v>283</v>
      </c>
      <c r="K50" s="19">
        <v>546</v>
      </c>
    </row>
    <row r="51" spans="1:11" ht="15" customHeight="1">
      <c r="A51" s="17" t="s">
        <v>99</v>
      </c>
      <c r="B51" s="17"/>
      <c r="C51" s="13">
        <v>3546</v>
      </c>
      <c r="D51" s="19">
        <v>1804</v>
      </c>
      <c r="E51" s="19">
        <v>1742</v>
      </c>
      <c r="F51" s="19"/>
      <c r="G51" s="18" t="s">
        <v>100</v>
      </c>
      <c r="H51" s="17"/>
      <c r="I51" s="13">
        <v>681</v>
      </c>
      <c r="J51" s="19">
        <v>211</v>
      </c>
      <c r="K51" s="19">
        <v>470</v>
      </c>
    </row>
    <row r="52" spans="1:11" ht="15" customHeight="1">
      <c r="A52" s="17" t="s">
        <v>101</v>
      </c>
      <c r="B52" s="17"/>
      <c r="C52" s="13">
        <v>3535</v>
      </c>
      <c r="D52" s="19">
        <v>1808</v>
      </c>
      <c r="E52" s="19">
        <v>1727</v>
      </c>
      <c r="F52" s="19"/>
      <c r="G52" s="18" t="s">
        <v>102</v>
      </c>
      <c r="H52" s="17"/>
      <c r="I52" s="13">
        <v>545</v>
      </c>
      <c r="J52" s="19">
        <v>162</v>
      </c>
      <c r="K52" s="19">
        <v>383</v>
      </c>
    </row>
    <row r="53" spans="1:11" ht="20.100000000000001" customHeight="1">
      <c r="A53" s="17" t="s">
        <v>103</v>
      </c>
      <c r="B53" s="17"/>
      <c r="C53" s="13">
        <v>19134</v>
      </c>
      <c r="D53" s="14">
        <v>9765</v>
      </c>
      <c r="E53" s="14">
        <v>9369</v>
      </c>
      <c r="F53" s="14"/>
      <c r="G53" s="18" t="s">
        <v>104</v>
      </c>
      <c r="H53" s="17"/>
      <c r="I53" s="13">
        <v>1814</v>
      </c>
      <c r="J53" s="14">
        <v>542</v>
      </c>
      <c r="K53" s="14">
        <v>1272</v>
      </c>
    </row>
    <row r="54" spans="1:11" ht="15" customHeight="1">
      <c r="A54" s="17" t="s">
        <v>105</v>
      </c>
      <c r="B54" s="17"/>
      <c r="C54" s="13">
        <v>3643</v>
      </c>
      <c r="D54" s="19">
        <v>1826</v>
      </c>
      <c r="E54" s="19">
        <v>1817</v>
      </c>
      <c r="F54" s="19"/>
      <c r="G54" s="18" t="s">
        <v>106</v>
      </c>
      <c r="H54" s="17"/>
      <c r="I54" s="13">
        <v>489</v>
      </c>
      <c r="J54" s="19">
        <v>151</v>
      </c>
      <c r="K54" s="19">
        <v>338</v>
      </c>
    </row>
    <row r="55" spans="1:11" ht="15" customHeight="1">
      <c r="A55" s="17" t="s">
        <v>107</v>
      </c>
      <c r="B55" s="17"/>
      <c r="C55" s="13">
        <v>3929</v>
      </c>
      <c r="D55" s="19">
        <v>2027</v>
      </c>
      <c r="E55" s="19">
        <v>1902</v>
      </c>
      <c r="F55" s="19"/>
      <c r="G55" s="18" t="s">
        <v>108</v>
      </c>
      <c r="H55" s="17"/>
      <c r="I55" s="13">
        <v>436</v>
      </c>
      <c r="J55" s="19">
        <v>125</v>
      </c>
      <c r="K55" s="19">
        <v>311</v>
      </c>
    </row>
    <row r="56" spans="1:11" ht="15" customHeight="1">
      <c r="A56" s="17" t="s">
        <v>109</v>
      </c>
      <c r="B56" s="17"/>
      <c r="C56" s="13">
        <v>3752</v>
      </c>
      <c r="D56" s="19">
        <v>1875</v>
      </c>
      <c r="E56" s="19">
        <v>1877</v>
      </c>
      <c r="F56" s="19"/>
      <c r="G56" s="18" t="s">
        <v>110</v>
      </c>
      <c r="H56" s="17"/>
      <c r="I56" s="13">
        <v>355</v>
      </c>
      <c r="J56" s="19">
        <v>112</v>
      </c>
      <c r="K56" s="19">
        <v>243</v>
      </c>
    </row>
    <row r="57" spans="1:11" ht="15" customHeight="1">
      <c r="A57" s="17" t="s">
        <v>111</v>
      </c>
      <c r="B57" s="17"/>
      <c r="C57" s="13">
        <v>3906</v>
      </c>
      <c r="D57" s="19">
        <v>1976</v>
      </c>
      <c r="E57" s="19">
        <v>1930</v>
      </c>
      <c r="F57" s="19"/>
      <c r="G57" s="18" t="s">
        <v>112</v>
      </c>
      <c r="H57" s="17"/>
      <c r="I57" s="13">
        <v>299</v>
      </c>
      <c r="J57" s="19">
        <v>89</v>
      </c>
      <c r="K57" s="19">
        <v>210</v>
      </c>
    </row>
    <row r="58" spans="1:11" ht="15" customHeight="1">
      <c r="A58" s="17" t="s">
        <v>113</v>
      </c>
      <c r="B58" s="17"/>
      <c r="C58" s="13">
        <v>3904</v>
      </c>
      <c r="D58" s="19">
        <v>2061</v>
      </c>
      <c r="E58" s="19">
        <v>1843</v>
      </c>
      <c r="F58" s="19"/>
      <c r="G58" s="18" t="s">
        <v>114</v>
      </c>
      <c r="H58" s="17"/>
      <c r="I58" s="13">
        <v>235</v>
      </c>
      <c r="J58" s="19">
        <v>65</v>
      </c>
      <c r="K58" s="19">
        <v>170</v>
      </c>
    </row>
    <row r="59" spans="1:11" ht="20.100000000000001" customHeight="1">
      <c r="A59" s="17" t="s">
        <v>115</v>
      </c>
      <c r="B59" s="17"/>
      <c r="C59" s="13">
        <v>20905</v>
      </c>
      <c r="D59" s="14">
        <v>10679</v>
      </c>
      <c r="E59" s="14">
        <v>10226</v>
      </c>
      <c r="F59" s="14"/>
      <c r="G59" s="18" t="s">
        <v>116</v>
      </c>
      <c r="H59" s="17"/>
      <c r="I59" s="13">
        <v>500</v>
      </c>
      <c r="J59" s="14">
        <v>88</v>
      </c>
      <c r="K59" s="14">
        <v>412</v>
      </c>
    </row>
    <row r="60" spans="1:11" ht="15" customHeight="1">
      <c r="A60" s="17" t="s">
        <v>117</v>
      </c>
      <c r="B60" s="17"/>
      <c r="C60" s="13">
        <v>4230</v>
      </c>
      <c r="D60" s="19">
        <v>2188</v>
      </c>
      <c r="E60" s="19">
        <v>2042</v>
      </c>
      <c r="F60" s="19"/>
      <c r="G60" s="18" t="s">
        <v>118</v>
      </c>
      <c r="H60" s="17"/>
      <c r="I60" s="13">
        <v>175</v>
      </c>
      <c r="J60" s="19">
        <v>31</v>
      </c>
      <c r="K60" s="19">
        <v>144</v>
      </c>
    </row>
    <row r="61" spans="1:11" ht="15" customHeight="1">
      <c r="A61" s="17" t="s">
        <v>119</v>
      </c>
      <c r="B61" s="17"/>
      <c r="C61" s="13">
        <v>4279</v>
      </c>
      <c r="D61" s="19">
        <v>2172</v>
      </c>
      <c r="E61" s="19">
        <v>2107</v>
      </c>
      <c r="F61" s="19"/>
      <c r="G61" s="18" t="s">
        <v>120</v>
      </c>
      <c r="H61" s="17"/>
      <c r="I61" s="13">
        <v>143</v>
      </c>
      <c r="J61" s="19">
        <v>33</v>
      </c>
      <c r="K61" s="19">
        <v>110</v>
      </c>
    </row>
    <row r="62" spans="1:11" ht="15" customHeight="1">
      <c r="A62" s="17" t="s">
        <v>121</v>
      </c>
      <c r="B62" s="17"/>
      <c r="C62" s="13">
        <v>4259</v>
      </c>
      <c r="D62" s="19">
        <v>2147</v>
      </c>
      <c r="E62" s="19">
        <v>2112</v>
      </c>
      <c r="F62" s="19"/>
      <c r="G62" s="18" t="s">
        <v>122</v>
      </c>
      <c r="H62" s="17"/>
      <c r="I62" s="13">
        <v>91</v>
      </c>
      <c r="J62" s="19">
        <v>13</v>
      </c>
      <c r="K62" s="19">
        <v>78</v>
      </c>
    </row>
    <row r="63" spans="1:11" ht="15" customHeight="1">
      <c r="A63" s="17" t="s">
        <v>123</v>
      </c>
      <c r="B63" s="17"/>
      <c r="C63" s="13">
        <v>4086</v>
      </c>
      <c r="D63" s="19">
        <v>2064</v>
      </c>
      <c r="E63" s="19">
        <v>2022</v>
      </c>
      <c r="F63" s="19"/>
      <c r="G63" s="18" t="s">
        <v>124</v>
      </c>
      <c r="H63" s="17"/>
      <c r="I63" s="13">
        <v>45</v>
      </c>
      <c r="J63" s="19">
        <v>6</v>
      </c>
      <c r="K63" s="19">
        <v>39</v>
      </c>
    </row>
    <row r="64" spans="1:11" ht="15" customHeight="1">
      <c r="A64" s="17" t="s">
        <v>125</v>
      </c>
      <c r="B64" s="17"/>
      <c r="C64" s="13">
        <v>4051</v>
      </c>
      <c r="D64" s="19">
        <v>2108</v>
      </c>
      <c r="E64" s="19">
        <v>1943</v>
      </c>
      <c r="F64" s="19"/>
      <c r="G64" s="18" t="s">
        <v>126</v>
      </c>
      <c r="H64" s="17"/>
      <c r="I64" s="13">
        <v>46</v>
      </c>
      <c r="J64" s="19">
        <v>5</v>
      </c>
      <c r="K64" s="19">
        <v>4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2</v>
      </c>
      <c r="J65" s="19">
        <v>19</v>
      </c>
      <c r="K65" s="19">
        <v>5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157</v>
      </c>
      <c r="J66" s="29">
        <v>1823</v>
      </c>
      <c r="K66" s="29">
        <v>133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0015</v>
      </c>
      <c r="D4" s="14">
        <v>112111</v>
      </c>
      <c r="E4" s="14">
        <v>10790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458</v>
      </c>
      <c r="D5" s="14">
        <v>4279</v>
      </c>
      <c r="E5" s="14">
        <v>4179</v>
      </c>
      <c r="F5" s="14"/>
      <c r="G5" s="18" t="s">
        <v>8</v>
      </c>
      <c r="H5" s="17"/>
      <c r="I5" s="13">
        <v>16074</v>
      </c>
      <c r="J5" s="14">
        <v>8504</v>
      </c>
      <c r="K5" s="14">
        <v>7570</v>
      </c>
    </row>
    <row r="6" spans="1:11" ht="15" customHeight="1">
      <c r="A6" s="17" t="s">
        <v>9</v>
      </c>
      <c r="B6" s="17"/>
      <c r="C6" s="13">
        <v>1812</v>
      </c>
      <c r="D6" s="19">
        <v>862</v>
      </c>
      <c r="E6" s="19">
        <v>950</v>
      </c>
      <c r="F6" s="19"/>
      <c r="G6" s="18" t="s">
        <v>10</v>
      </c>
      <c r="H6" s="17"/>
      <c r="I6" s="13">
        <v>3458</v>
      </c>
      <c r="J6" s="19">
        <v>1812</v>
      </c>
      <c r="K6" s="19">
        <v>1646</v>
      </c>
    </row>
    <row r="7" spans="1:11" ht="15" customHeight="1">
      <c r="A7" s="17" t="s">
        <v>11</v>
      </c>
      <c r="B7" s="17"/>
      <c r="C7" s="13">
        <v>1764</v>
      </c>
      <c r="D7" s="19">
        <v>926</v>
      </c>
      <c r="E7" s="19">
        <v>838</v>
      </c>
      <c r="F7" s="19"/>
      <c r="G7" s="18" t="s">
        <v>12</v>
      </c>
      <c r="H7" s="17"/>
      <c r="I7" s="13">
        <v>3416</v>
      </c>
      <c r="J7" s="19">
        <v>1848</v>
      </c>
      <c r="K7" s="19">
        <v>1568</v>
      </c>
    </row>
    <row r="8" spans="1:11" ht="15" customHeight="1">
      <c r="A8" s="17" t="s">
        <v>13</v>
      </c>
      <c r="B8" s="17"/>
      <c r="C8" s="13">
        <v>1639</v>
      </c>
      <c r="D8" s="19">
        <v>852</v>
      </c>
      <c r="E8" s="19">
        <v>787</v>
      </c>
      <c r="F8" s="19"/>
      <c r="G8" s="18" t="s">
        <v>14</v>
      </c>
      <c r="H8" s="17"/>
      <c r="I8" s="13">
        <v>3484</v>
      </c>
      <c r="J8" s="19">
        <v>1834</v>
      </c>
      <c r="K8" s="19">
        <v>1650</v>
      </c>
    </row>
    <row r="9" spans="1:11" ht="15" customHeight="1">
      <c r="A9" s="17" t="s">
        <v>15</v>
      </c>
      <c r="B9" s="17"/>
      <c r="C9" s="13">
        <v>1662</v>
      </c>
      <c r="D9" s="19">
        <v>834</v>
      </c>
      <c r="E9" s="19">
        <v>828</v>
      </c>
      <c r="F9" s="19"/>
      <c r="G9" s="18" t="s">
        <v>16</v>
      </c>
      <c r="H9" s="17"/>
      <c r="I9" s="13">
        <v>2509</v>
      </c>
      <c r="J9" s="19">
        <v>1339</v>
      </c>
      <c r="K9" s="19">
        <v>1170</v>
      </c>
    </row>
    <row r="10" spans="1:11" ht="15" customHeight="1">
      <c r="A10" s="17" t="s">
        <v>17</v>
      </c>
      <c r="B10" s="17"/>
      <c r="C10" s="13">
        <v>1581</v>
      </c>
      <c r="D10" s="19">
        <v>805</v>
      </c>
      <c r="E10" s="19">
        <v>776</v>
      </c>
      <c r="F10" s="19"/>
      <c r="G10" s="18" t="s">
        <v>18</v>
      </c>
      <c r="H10" s="17"/>
      <c r="I10" s="13">
        <v>3207</v>
      </c>
      <c r="J10" s="19">
        <v>1671</v>
      </c>
      <c r="K10" s="19">
        <v>1536</v>
      </c>
    </row>
    <row r="11" spans="1:11" ht="20.100000000000001" customHeight="1">
      <c r="A11" s="17" t="s">
        <v>19</v>
      </c>
      <c r="B11" s="17"/>
      <c r="C11" s="13">
        <v>7369</v>
      </c>
      <c r="D11" s="14">
        <v>3794</v>
      </c>
      <c r="E11" s="14">
        <v>3575</v>
      </c>
      <c r="F11" s="14"/>
      <c r="G11" s="18" t="s">
        <v>20</v>
      </c>
      <c r="H11" s="17"/>
      <c r="I11" s="13">
        <v>13386</v>
      </c>
      <c r="J11" s="14">
        <v>7199</v>
      </c>
      <c r="K11" s="14">
        <v>6187</v>
      </c>
    </row>
    <row r="12" spans="1:11" ht="15" customHeight="1">
      <c r="A12" s="17" t="s">
        <v>21</v>
      </c>
      <c r="B12" s="17"/>
      <c r="C12" s="13">
        <v>1499</v>
      </c>
      <c r="D12" s="19">
        <v>798</v>
      </c>
      <c r="E12" s="19">
        <v>701</v>
      </c>
      <c r="F12" s="19"/>
      <c r="G12" s="18" t="s">
        <v>22</v>
      </c>
      <c r="H12" s="17"/>
      <c r="I12" s="13">
        <v>3084</v>
      </c>
      <c r="J12" s="19">
        <v>1723</v>
      </c>
      <c r="K12" s="19">
        <v>1361</v>
      </c>
    </row>
    <row r="13" spans="1:11" ht="15" customHeight="1">
      <c r="A13" s="17" t="s">
        <v>23</v>
      </c>
      <c r="B13" s="17"/>
      <c r="C13" s="13">
        <v>1457</v>
      </c>
      <c r="D13" s="19">
        <v>730</v>
      </c>
      <c r="E13" s="19">
        <v>727</v>
      </c>
      <c r="F13" s="19"/>
      <c r="G13" s="18" t="s">
        <v>24</v>
      </c>
      <c r="H13" s="17"/>
      <c r="I13" s="13">
        <v>2823</v>
      </c>
      <c r="J13" s="19">
        <v>1493</v>
      </c>
      <c r="K13" s="19">
        <v>1330</v>
      </c>
    </row>
    <row r="14" spans="1:11" ht="15" customHeight="1">
      <c r="A14" s="17" t="s">
        <v>25</v>
      </c>
      <c r="B14" s="17"/>
      <c r="C14" s="13">
        <v>1454</v>
      </c>
      <c r="D14" s="19">
        <v>749</v>
      </c>
      <c r="E14" s="19">
        <v>705</v>
      </c>
      <c r="F14" s="19"/>
      <c r="G14" s="18" t="s">
        <v>26</v>
      </c>
      <c r="H14" s="17"/>
      <c r="I14" s="13">
        <v>2561</v>
      </c>
      <c r="J14" s="19">
        <v>1362</v>
      </c>
      <c r="K14" s="19">
        <v>1199</v>
      </c>
    </row>
    <row r="15" spans="1:11" ht="15" customHeight="1">
      <c r="A15" s="17" t="s">
        <v>27</v>
      </c>
      <c r="B15" s="17"/>
      <c r="C15" s="13">
        <v>1511</v>
      </c>
      <c r="D15" s="19">
        <v>758</v>
      </c>
      <c r="E15" s="19">
        <v>753</v>
      </c>
      <c r="F15" s="19"/>
      <c r="G15" s="18" t="s">
        <v>28</v>
      </c>
      <c r="H15" s="17"/>
      <c r="I15" s="13">
        <v>2522</v>
      </c>
      <c r="J15" s="19">
        <v>1351</v>
      </c>
      <c r="K15" s="19">
        <v>1171</v>
      </c>
    </row>
    <row r="16" spans="1:11" ht="15" customHeight="1">
      <c r="A16" s="17" t="s">
        <v>29</v>
      </c>
      <c r="B16" s="17"/>
      <c r="C16" s="13">
        <v>1448</v>
      </c>
      <c r="D16" s="19">
        <v>759</v>
      </c>
      <c r="E16" s="19">
        <v>689</v>
      </c>
      <c r="F16" s="19"/>
      <c r="G16" s="18" t="s">
        <v>30</v>
      </c>
      <c r="H16" s="17"/>
      <c r="I16" s="13">
        <v>2396</v>
      </c>
      <c r="J16" s="19">
        <v>1270</v>
      </c>
      <c r="K16" s="19">
        <v>1126</v>
      </c>
    </row>
    <row r="17" spans="1:11" ht="20.100000000000001" customHeight="1">
      <c r="A17" s="20" t="s">
        <v>31</v>
      </c>
      <c r="B17" s="20"/>
      <c r="C17" s="13">
        <v>7431</v>
      </c>
      <c r="D17" s="14">
        <v>3853</v>
      </c>
      <c r="E17" s="14">
        <v>3578</v>
      </c>
      <c r="F17" s="14"/>
      <c r="G17" s="18" t="s">
        <v>32</v>
      </c>
      <c r="H17" s="17"/>
      <c r="I17" s="13">
        <v>10384</v>
      </c>
      <c r="J17" s="14">
        <v>5330</v>
      </c>
      <c r="K17" s="14">
        <v>5054</v>
      </c>
    </row>
    <row r="18" spans="1:11" ht="15" customHeight="1">
      <c r="A18" s="17" t="s">
        <v>33</v>
      </c>
      <c r="B18" s="17"/>
      <c r="C18" s="13">
        <v>1445</v>
      </c>
      <c r="D18" s="19">
        <v>752</v>
      </c>
      <c r="E18" s="19">
        <v>693</v>
      </c>
      <c r="F18" s="19"/>
      <c r="G18" s="18" t="s">
        <v>34</v>
      </c>
      <c r="H18" s="17"/>
      <c r="I18" s="13">
        <v>2299</v>
      </c>
      <c r="J18" s="19">
        <v>1226</v>
      </c>
      <c r="K18" s="19">
        <v>1073</v>
      </c>
    </row>
    <row r="19" spans="1:11" ht="15" customHeight="1">
      <c r="A19" s="17" t="s">
        <v>35</v>
      </c>
      <c r="B19" s="17"/>
      <c r="C19" s="13">
        <v>1486</v>
      </c>
      <c r="D19" s="19">
        <v>754</v>
      </c>
      <c r="E19" s="19">
        <v>732</v>
      </c>
      <c r="F19" s="19"/>
      <c r="G19" s="18" t="s">
        <v>36</v>
      </c>
      <c r="H19" s="17"/>
      <c r="I19" s="13">
        <v>2209</v>
      </c>
      <c r="J19" s="19">
        <v>1153</v>
      </c>
      <c r="K19" s="19">
        <v>1056</v>
      </c>
    </row>
    <row r="20" spans="1:11" ht="15" customHeight="1">
      <c r="A20" s="17" t="s">
        <v>37</v>
      </c>
      <c r="B20" s="17"/>
      <c r="C20" s="13">
        <v>1525</v>
      </c>
      <c r="D20" s="19">
        <v>801</v>
      </c>
      <c r="E20" s="19">
        <v>724</v>
      </c>
      <c r="F20" s="19"/>
      <c r="G20" s="18" t="s">
        <v>38</v>
      </c>
      <c r="H20" s="17"/>
      <c r="I20" s="13">
        <v>1911</v>
      </c>
      <c r="J20" s="19">
        <v>941</v>
      </c>
      <c r="K20" s="19">
        <v>970</v>
      </c>
    </row>
    <row r="21" spans="1:11" ht="15" customHeight="1">
      <c r="A21" s="17" t="s">
        <v>39</v>
      </c>
      <c r="B21" s="17"/>
      <c r="C21" s="13">
        <v>1496</v>
      </c>
      <c r="D21" s="19">
        <v>773</v>
      </c>
      <c r="E21" s="19">
        <v>723</v>
      </c>
      <c r="F21" s="19"/>
      <c r="G21" s="18" t="s">
        <v>40</v>
      </c>
      <c r="H21" s="17"/>
      <c r="I21" s="13">
        <v>1902</v>
      </c>
      <c r="J21" s="19">
        <v>975</v>
      </c>
      <c r="K21" s="19">
        <v>927</v>
      </c>
    </row>
    <row r="22" spans="1:11" ht="15" customHeight="1">
      <c r="A22" s="17" t="s">
        <v>41</v>
      </c>
      <c r="B22" s="17"/>
      <c r="C22" s="13">
        <v>1479</v>
      </c>
      <c r="D22" s="19">
        <v>773</v>
      </c>
      <c r="E22" s="19">
        <v>706</v>
      </c>
      <c r="F22" s="19"/>
      <c r="G22" s="18" t="s">
        <v>42</v>
      </c>
      <c r="H22" s="17"/>
      <c r="I22" s="13">
        <v>2063</v>
      </c>
      <c r="J22" s="19">
        <v>1035</v>
      </c>
      <c r="K22" s="19">
        <v>1028</v>
      </c>
    </row>
    <row r="23" spans="1:11" ht="20.100000000000001" customHeight="1">
      <c r="A23" s="17" t="s">
        <v>43</v>
      </c>
      <c r="B23" s="17"/>
      <c r="C23" s="13">
        <v>8434</v>
      </c>
      <c r="D23" s="14">
        <v>4319</v>
      </c>
      <c r="E23" s="14">
        <v>4115</v>
      </c>
      <c r="F23" s="14"/>
      <c r="G23" s="18" t="s">
        <v>44</v>
      </c>
      <c r="H23" s="17"/>
      <c r="I23" s="13">
        <v>10282</v>
      </c>
      <c r="J23" s="14">
        <v>5116</v>
      </c>
      <c r="K23" s="14">
        <v>5166</v>
      </c>
    </row>
    <row r="24" spans="1:11" ht="15" customHeight="1">
      <c r="A24" s="17" t="s">
        <v>45</v>
      </c>
      <c r="B24" s="17"/>
      <c r="C24" s="13">
        <v>1504</v>
      </c>
      <c r="D24" s="19">
        <v>792</v>
      </c>
      <c r="E24" s="19">
        <v>712</v>
      </c>
      <c r="F24" s="19"/>
      <c r="G24" s="18" t="s">
        <v>46</v>
      </c>
      <c r="H24" s="17"/>
      <c r="I24" s="13">
        <v>1872</v>
      </c>
      <c r="J24" s="19">
        <v>926</v>
      </c>
      <c r="K24" s="19">
        <v>946</v>
      </c>
    </row>
    <row r="25" spans="1:11" ht="15" customHeight="1">
      <c r="A25" s="17" t="s">
        <v>47</v>
      </c>
      <c r="B25" s="17"/>
      <c r="C25" s="13">
        <v>1468</v>
      </c>
      <c r="D25" s="19">
        <v>760</v>
      </c>
      <c r="E25" s="19">
        <v>708</v>
      </c>
      <c r="F25" s="19"/>
      <c r="G25" s="18" t="s">
        <v>48</v>
      </c>
      <c r="H25" s="17"/>
      <c r="I25" s="13">
        <v>1998</v>
      </c>
      <c r="J25" s="19">
        <v>1023</v>
      </c>
      <c r="K25" s="19">
        <v>975</v>
      </c>
    </row>
    <row r="26" spans="1:11" ht="15" customHeight="1">
      <c r="A26" s="17" t="s">
        <v>49</v>
      </c>
      <c r="B26" s="17"/>
      <c r="C26" s="13">
        <v>1640</v>
      </c>
      <c r="D26" s="19">
        <v>837</v>
      </c>
      <c r="E26" s="19">
        <v>803</v>
      </c>
      <c r="F26" s="19"/>
      <c r="G26" s="18" t="s">
        <v>50</v>
      </c>
      <c r="H26" s="17"/>
      <c r="I26" s="13">
        <v>2061</v>
      </c>
      <c r="J26" s="19">
        <v>1038</v>
      </c>
      <c r="K26" s="19">
        <v>1023</v>
      </c>
    </row>
    <row r="27" spans="1:11" ht="15" customHeight="1">
      <c r="A27" s="17" t="s">
        <v>51</v>
      </c>
      <c r="B27" s="17"/>
      <c r="C27" s="13">
        <v>1696</v>
      </c>
      <c r="D27" s="19">
        <v>829</v>
      </c>
      <c r="E27" s="19">
        <v>867</v>
      </c>
      <c r="F27" s="19"/>
      <c r="G27" s="18" t="s">
        <v>52</v>
      </c>
      <c r="H27" s="17"/>
      <c r="I27" s="13">
        <v>2049</v>
      </c>
      <c r="J27" s="19">
        <v>1020</v>
      </c>
      <c r="K27" s="19">
        <v>1029</v>
      </c>
    </row>
    <row r="28" spans="1:11" ht="15" customHeight="1">
      <c r="A28" s="17" t="s">
        <v>53</v>
      </c>
      <c r="B28" s="17"/>
      <c r="C28" s="13">
        <v>2126</v>
      </c>
      <c r="D28" s="19">
        <v>1101</v>
      </c>
      <c r="E28" s="19">
        <v>1025</v>
      </c>
      <c r="F28" s="19"/>
      <c r="G28" s="18" t="s">
        <v>54</v>
      </c>
      <c r="H28" s="17"/>
      <c r="I28" s="13">
        <v>2302</v>
      </c>
      <c r="J28" s="19">
        <v>1109</v>
      </c>
      <c r="K28" s="19">
        <v>1193</v>
      </c>
    </row>
    <row r="29" spans="1:11" ht="20.100000000000001" customHeight="1">
      <c r="A29" s="17" t="s">
        <v>55</v>
      </c>
      <c r="B29" s="17"/>
      <c r="C29" s="13">
        <v>17500</v>
      </c>
      <c r="D29" s="14">
        <v>9201</v>
      </c>
      <c r="E29" s="14">
        <v>8299</v>
      </c>
      <c r="F29" s="14"/>
      <c r="G29" s="18" t="s">
        <v>56</v>
      </c>
      <c r="H29" s="17"/>
      <c r="I29" s="13">
        <v>10290</v>
      </c>
      <c r="J29" s="14">
        <v>4937</v>
      </c>
      <c r="K29" s="14">
        <v>5353</v>
      </c>
    </row>
    <row r="30" spans="1:11" ht="15" customHeight="1">
      <c r="A30" s="17" t="s">
        <v>57</v>
      </c>
      <c r="B30" s="17"/>
      <c r="C30" s="13">
        <v>2305</v>
      </c>
      <c r="D30" s="19">
        <v>1165</v>
      </c>
      <c r="E30" s="19">
        <v>1140</v>
      </c>
      <c r="F30" s="19"/>
      <c r="G30" s="18" t="s">
        <v>58</v>
      </c>
      <c r="H30" s="17"/>
      <c r="I30" s="13">
        <v>2475</v>
      </c>
      <c r="J30" s="19">
        <v>1238</v>
      </c>
      <c r="K30" s="19">
        <v>1237</v>
      </c>
    </row>
    <row r="31" spans="1:11" ht="15" customHeight="1">
      <c r="A31" s="17" t="s">
        <v>59</v>
      </c>
      <c r="B31" s="17"/>
      <c r="C31" s="13">
        <v>2784</v>
      </c>
      <c r="D31" s="19">
        <v>1386</v>
      </c>
      <c r="E31" s="19">
        <v>1398</v>
      </c>
      <c r="F31" s="19"/>
      <c r="G31" s="18" t="s">
        <v>60</v>
      </c>
      <c r="H31" s="17"/>
      <c r="I31" s="13">
        <v>2404</v>
      </c>
      <c r="J31" s="19">
        <v>1149</v>
      </c>
      <c r="K31" s="19">
        <v>1255</v>
      </c>
    </row>
    <row r="32" spans="1:11" ht="15" customHeight="1">
      <c r="A32" s="17" t="s">
        <v>61</v>
      </c>
      <c r="B32" s="17"/>
      <c r="C32" s="13">
        <v>3245</v>
      </c>
      <c r="D32" s="19">
        <v>1631</v>
      </c>
      <c r="E32" s="19">
        <v>1614</v>
      </c>
      <c r="F32" s="19"/>
      <c r="G32" s="18" t="s">
        <v>62</v>
      </c>
      <c r="H32" s="17"/>
      <c r="I32" s="13">
        <v>2351</v>
      </c>
      <c r="J32" s="19">
        <v>1114</v>
      </c>
      <c r="K32" s="19">
        <v>1237</v>
      </c>
    </row>
    <row r="33" spans="1:11" ht="15" customHeight="1">
      <c r="A33" s="17" t="s">
        <v>63</v>
      </c>
      <c r="B33" s="17"/>
      <c r="C33" s="13">
        <v>4466</v>
      </c>
      <c r="D33" s="19">
        <v>2389</v>
      </c>
      <c r="E33" s="19">
        <v>2077</v>
      </c>
      <c r="F33" s="19"/>
      <c r="G33" s="18" t="s">
        <v>64</v>
      </c>
      <c r="H33" s="17"/>
      <c r="I33" s="13">
        <v>1609</v>
      </c>
      <c r="J33" s="19">
        <v>768</v>
      </c>
      <c r="K33" s="19">
        <v>841</v>
      </c>
    </row>
    <row r="34" spans="1:11" ht="15" customHeight="1">
      <c r="A34" s="17" t="s">
        <v>65</v>
      </c>
      <c r="B34" s="17"/>
      <c r="C34" s="13">
        <v>4700</v>
      </c>
      <c r="D34" s="19">
        <v>2630</v>
      </c>
      <c r="E34" s="19">
        <v>2070</v>
      </c>
      <c r="F34" s="19"/>
      <c r="G34" s="18" t="s">
        <v>66</v>
      </c>
      <c r="H34" s="17"/>
      <c r="I34" s="13">
        <v>1451</v>
      </c>
      <c r="J34" s="19">
        <v>668</v>
      </c>
      <c r="K34" s="19">
        <v>783</v>
      </c>
    </row>
    <row r="35" spans="1:11" ht="20.100000000000001" customHeight="1">
      <c r="A35" s="17" t="s">
        <v>67</v>
      </c>
      <c r="B35" s="17"/>
      <c r="C35" s="13">
        <v>19728</v>
      </c>
      <c r="D35" s="14">
        <v>10442</v>
      </c>
      <c r="E35" s="14">
        <v>9286</v>
      </c>
      <c r="F35" s="14"/>
      <c r="G35" s="18" t="s">
        <v>68</v>
      </c>
      <c r="H35" s="17"/>
      <c r="I35" s="13">
        <v>8642</v>
      </c>
      <c r="J35" s="14">
        <v>3824</v>
      </c>
      <c r="K35" s="14">
        <v>4818</v>
      </c>
    </row>
    <row r="36" spans="1:11" ht="15" customHeight="1">
      <c r="A36" s="17" t="s">
        <v>69</v>
      </c>
      <c r="B36" s="17"/>
      <c r="C36" s="13">
        <v>4749</v>
      </c>
      <c r="D36" s="19">
        <v>2582</v>
      </c>
      <c r="E36" s="19">
        <v>2167</v>
      </c>
      <c r="F36" s="19"/>
      <c r="G36" s="18" t="s">
        <v>70</v>
      </c>
      <c r="H36" s="17"/>
      <c r="I36" s="13">
        <v>1827</v>
      </c>
      <c r="J36" s="19">
        <v>825</v>
      </c>
      <c r="K36" s="19">
        <v>1002</v>
      </c>
    </row>
    <row r="37" spans="1:11" ht="15" customHeight="1">
      <c r="A37" s="17" t="s">
        <v>71</v>
      </c>
      <c r="B37" s="17"/>
      <c r="C37" s="13">
        <v>4287</v>
      </c>
      <c r="D37" s="19">
        <v>2323</v>
      </c>
      <c r="E37" s="19">
        <v>1964</v>
      </c>
      <c r="F37" s="19"/>
      <c r="G37" s="18" t="s">
        <v>72</v>
      </c>
      <c r="H37" s="17"/>
      <c r="I37" s="13">
        <v>1841</v>
      </c>
      <c r="J37" s="19">
        <v>840</v>
      </c>
      <c r="K37" s="19">
        <v>1001</v>
      </c>
    </row>
    <row r="38" spans="1:11" ht="15" customHeight="1">
      <c r="A38" s="17" t="s">
        <v>73</v>
      </c>
      <c r="B38" s="17"/>
      <c r="C38" s="13">
        <v>3747</v>
      </c>
      <c r="D38" s="19">
        <v>1912</v>
      </c>
      <c r="E38" s="19">
        <v>1835</v>
      </c>
      <c r="F38" s="19"/>
      <c r="G38" s="18" t="s">
        <v>74</v>
      </c>
      <c r="H38" s="17"/>
      <c r="I38" s="13">
        <v>1805</v>
      </c>
      <c r="J38" s="19">
        <v>801</v>
      </c>
      <c r="K38" s="19">
        <v>1004</v>
      </c>
    </row>
    <row r="39" spans="1:11" ht="15" customHeight="1">
      <c r="A39" s="17" t="s">
        <v>75</v>
      </c>
      <c r="B39" s="17"/>
      <c r="C39" s="13">
        <v>3568</v>
      </c>
      <c r="D39" s="19">
        <v>1867</v>
      </c>
      <c r="E39" s="19">
        <v>1701</v>
      </c>
      <c r="F39" s="19"/>
      <c r="G39" s="18" t="s">
        <v>76</v>
      </c>
      <c r="H39" s="17"/>
      <c r="I39" s="13">
        <v>1695</v>
      </c>
      <c r="J39" s="19">
        <v>719</v>
      </c>
      <c r="K39" s="19">
        <v>976</v>
      </c>
    </row>
    <row r="40" spans="1:11" ht="15" customHeight="1">
      <c r="A40" s="17" t="s">
        <v>77</v>
      </c>
      <c r="B40" s="17"/>
      <c r="C40" s="13">
        <v>3377</v>
      </c>
      <c r="D40" s="19">
        <v>1758</v>
      </c>
      <c r="E40" s="19">
        <v>1619</v>
      </c>
      <c r="F40" s="19"/>
      <c r="G40" s="18" t="s">
        <v>78</v>
      </c>
      <c r="H40" s="17"/>
      <c r="I40" s="13">
        <v>1474</v>
      </c>
      <c r="J40" s="19">
        <v>639</v>
      </c>
      <c r="K40" s="19">
        <v>835</v>
      </c>
    </row>
    <row r="41" spans="1:11" ht="20.100000000000001" customHeight="1">
      <c r="A41" s="17" t="s">
        <v>79</v>
      </c>
      <c r="B41" s="17"/>
      <c r="C41" s="13">
        <v>16220</v>
      </c>
      <c r="D41" s="14">
        <v>8520</v>
      </c>
      <c r="E41" s="14">
        <v>7700</v>
      </c>
      <c r="F41" s="14"/>
      <c r="G41" s="18" t="s">
        <v>80</v>
      </c>
      <c r="H41" s="17"/>
      <c r="I41" s="13">
        <v>6547</v>
      </c>
      <c r="J41" s="14">
        <v>2671</v>
      </c>
      <c r="K41" s="14">
        <v>3876</v>
      </c>
    </row>
    <row r="42" spans="1:11" ht="15" customHeight="1">
      <c r="A42" s="17" t="s">
        <v>81</v>
      </c>
      <c r="B42" s="17"/>
      <c r="C42" s="13">
        <v>3293</v>
      </c>
      <c r="D42" s="19">
        <v>1754</v>
      </c>
      <c r="E42" s="19">
        <v>1539</v>
      </c>
      <c r="F42" s="19"/>
      <c r="G42" s="18" t="s">
        <v>82</v>
      </c>
      <c r="H42" s="17"/>
      <c r="I42" s="13">
        <v>1384</v>
      </c>
      <c r="J42" s="19">
        <v>578</v>
      </c>
      <c r="K42" s="19">
        <v>806</v>
      </c>
    </row>
    <row r="43" spans="1:11" ht="15" customHeight="1">
      <c r="A43" s="17" t="s">
        <v>83</v>
      </c>
      <c r="B43" s="17"/>
      <c r="C43" s="13">
        <v>3219</v>
      </c>
      <c r="D43" s="19">
        <v>1695</v>
      </c>
      <c r="E43" s="19">
        <v>1524</v>
      </c>
      <c r="F43" s="19"/>
      <c r="G43" s="18" t="s">
        <v>84</v>
      </c>
      <c r="H43" s="17"/>
      <c r="I43" s="13">
        <v>1302</v>
      </c>
      <c r="J43" s="19">
        <v>561</v>
      </c>
      <c r="K43" s="19">
        <v>741</v>
      </c>
    </row>
    <row r="44" spans="1:11" ht="15" customHeight="1">
      <c r="A44" s="17" t="s">
        <v>85</v>
      </c>
      <c r="B44" s="17"/>
      <c r="C44" s="13">
        <v>3253</v>
      </c>
      <c r="D44" s="19">
        <v>1616</v>
      </c>
      <c r="E44" s="19">
        <v>1637</v>
      </c>
      <c r="F44" s="19"/>
      <c r="G44" s="18" t="s">
        <v>86</v>
      </c>
      <c r="H44" s="17"/>
      <c r="I44" s="13">
        <v>1358</v>
      </c>
      <c r="J44" s="19">
        <v>533</v>
      </c>
      <c r="K44" s="19">
        <v>825</v>
      </c>
    </row>
    <row r="45" spans="1:11" ht="15" customHeight="1">
      <c r="A45" s="17" t="s">
        <v>87</v>
      </c>
      <c r="B45" s="17"/>
      <c r="C45" s="13">
        <v>3219</v>
      </c>
      <c r="D45" s="19">
        <v>1697</v>
      </c>
      <c r="E45" s="19">
        <v>1522</v>
      </c>
      <c r="F45" s="19"/>
      <c r="G45" s="18" t="s">
        <v>88</v>
      </c>
      <c r="H45" s="17"/>
      <c r="I45" s="13">
        <v>1279</v>
      </c>
      <c r="J45" s="19">
        <v>507</v>
      </c>
      <c r="K45" s="19">
        <v>772</v>
      </c>
    </row>
    <row r="46" spans="1:11" ht="15" customHeight="1">
      <c r="A46" s="17" t="s">
        <v>89</v>
      </c>
      <c r="B46" s="17"/>
      <c r="C46" s="13">
        <v>3236</v>
      </c>
      <c r="D46" s="19">
        <v>1758</v>
      </c>
      <c r="E46" s="19">
        <v>1478</v>
      </c>
      <c r="F46" s="19"/>
      <c r="G46" s="18" t="s">
        <v>90</v>
      </c>
      <c r="H46" s="17"/>
      <c r="I46" s="13">
        <v>1224</v>
      </c>
      <c r="J46" s="19">
        <v>492</v>
      </c>
      <c r="K46" s="19">
        <v>732</v>
      </c>
    </row>
    <row r="47" spans="1:11" ht="20.100000000000001" customHeight="1">
      <c r="A47" s="17" t="s">
        <v>91</v>
      </c>
      <c r="B47" s="17"/>
      <c r="C47" s="13">
        <v>15861</v>
      </c>
      <c r="D47" s="14">
        <v>8420</v>
      </c>
      <c r="E47" s="14">
        <v>7441</v>
      </c>
      <c r="F47" s="14"/>
      <c r="G47" s="18" t="s">
        <v>92</v>
      </c>
      <c r="H47" s="17"/>
      <c r="I47" s="13">
        <v>4236</v>
      </c>
      <c r="J47" s="14">
        <v>1575</v>
      </c>
      <c r="K47" s="14">
        <v>2661</v>
      </c>
    </row>
    <row r="48" spans="1:11" ht="15" customHeight="1">
      <c r="A48" s="17" t="s">
        <v>93</v>
      </c>
      <c r="B48" s="17"/>
      <c r="C48" s="13">
        <v>3357</v>
      </c>
      <c r="D48" s="19">
        <v>1773</v>
      </c>
      <c r="E48" s="19">
        <v>1584</v>
      </c>
      <c r="F48" s="19"/>
      <c r="G48" s="18" t="s">
        <v>94</v>
      </c>
      <c r="H48" s="17"/>
      <c r="I48" s="13">
        <v>983</v>
      </c>
      <c r="J48" s="19">
        <v>362</v>
      </c>
      <c r="K48" s="19">
        <v>621</v>
      </c>
    </row>
    <row r="49" spans="1:11" ht="15" customHeight="1">
      <c r="A49" s="17" t="s">
        <v>95</v>
      </c>
      <c r="B49" s="17"/>
      <c r="C49" s="13">
        <v>3142</v>
      </c>
      <c r="D49" s="19">
        <v>1622</v>
      </c>
      <c r="E49" s="19">
        <v>1520</v>
      </c>
      <c r="F49" s="19"/>
      <c r="G49" s="18" t="s">
        <v>96</v>
      </c>
      <c r="H49" s="17"/>
      <c r="I49" s="13">
        <v>916</v>
      </c>
      <c r="J49" s="19">
        <v>371</v>
      </c>
      <c r="K49" s="19">
        <v>545</v>
      </c>
    </row>
    <row r="50" spans="1:11" ht="15" customHeight="1">
      <c r="A50" s="17" t="s">
        <v>97</v>
      </c>
      <c r="B50" s="17"/>
      <c r="C50" s="13">
        <v>3249</v>
      </c>
      <c r="D50" s="19">
        <v>1713</v>
      </c>
      <c r="E50" s="19">
        <v>1536</v>
      </c>
      <c r="F50" s="19"/>
      <c r="G50" s="18" t="s">
        <v>98</v>
      </c>
      <c r="H50" s="17"/>
      <c r="I50" s="13">
        <v>914</v>
      </c>
      <c r="J50" s="19">
        <v>336</v>
      </c>
      <c r="K50" s="19">
        <v>578</v>
      </c>
    </row>
    <row r="51" spans="1:11" ht="15" customHeight="1">
      <c r="A51" s="17" t="s">
        <v>99</v>
      </c>
      <c r="B51" s="17"/>
      <c r="C51" s="13">
        <v>3057</v>
      </c>
      <c r="D51" s="19">
        <v>1629</v>
      </c>
      <c r="E51" s="19">
        <v>1428</v>
      </c>
      <c r="F51" s="19"/>
      <c r="G51" s="18" t="s">
        <v>100</v>
      </c>
      <c r="H51" s="17"/>
      <c r="I51" s="13">
        <v>750</v>
      </c>
      <c r="J51" s="19">
        <v>282</v>
      </c>
      <c r="K51" s="19">
        <v>468</v>
      </c>
    </row>
    <row r="52" spans="1:11" ht="15" customHeight="1">
      <c r="A52" s="17" t="s">
        <v>101</v>
      </c>
      <c r="B52" s="17"/>
      <c r="C52" s="13">
        <v>3056</v>
      </c>
      <c r="D52" s="19">
        <v>1683</v>
      </c>
      <c r="E52" s="19">
        <v>1373</v>
      </c>
      <c r="F52" s="19"/>
      <c r="G52" s="18" t="s">
        <v>102</v>
      </c>
      <c r="H52" s="17"/>
      <c r="I52" s="13">
        <v>673</v>
      </c>
      <c r="J52" s="19">
        <v>224</v>
      </c>
      <c r="K52" s="19">
        <v>449</v>
      </c>
    </row>
    <row r="53" spans="1:11" ht="20.100000000000001" customHeight="1">
      <c r="A53" s="17" t="s">
        <v>103</v>
      </c>
      <c r="B53" s="17"/>
      <c r="C53" s="13">
        <v>15917</v>
      </c>
      <c r="D53" s="14">
        <v>8481</v>
      </c>
      <c r="E53" s="14">
        <v>7436</v>
      </c>
      <c r="F53" s="14"/>
      <c r="G53" s="18" t="s">
        <v>104</v>
      </c>
      <c r="H53" s="17"/>
      <c r="I53" s="13">
        <v>1977</v>
      </c>
      <c r="J53" s="14">
        <v>585</v>
      </c>
      <c r="K53" s="14">
        <v>1392</v>
      </c>
    </row>
    <row r="54" spans="1:11" ht="15" customHeight="1">
      <c r="A54" s="17" t="s">
        <v>105</v>
      </c>
      <c r="B54" s="17"/>
      <c r="C54" s="13">
        <v>3151</v>
      </c>
      <c r="D54" s="19">
        <v>1703</v>
      </c>
      <c r="E54" s="19">
        <v>1448</v>
      </c>
      <c r="F54" s="19"/>
      <c r="G54" s="18" t="s">
        <v>106</v>
      </c>
      <c r="H54" s="17"/>
      <c r="I54" s="13">
        <v>554</v>
      </c>
      <c r="J54" s="19">
        <v>179</v>
      </c>
      <c r="K54" s="19">
        <v>375</v>
      </c>
    </row>
    <row r="55" spans="1:11" ht="15" customHeight="1">
      <c r="A55" s="17" t="s">
        <v>107</v>
      </c>
      <c r="B55" s="17"/>
      <c r="C55" s="13">
        <v>3147</v>
      </c>
      <c r="D55" s="19">
        <v>1676</v>
      </c>
      <c r="E55" s="19">
        <v>1471</v>
      </c>
      <c r="F55" s="19"/>
      <c r="G55" s="18" t="s">
        <v>108</v>
      </c>
      <c r="H55" s="17"/>
      <c r="I55" s="13">
        <v>472</v>
      </c>
      <c r="J55" s="19">
        <v>143</v>
      </c>
      <c r="K55" s="19">
        <v>329</v>
      </c>
    </row>
    <row r="56" spans="1:11" ht="15" customHeight="1">
      <c r="A56" s="17" t="s">
        <v>109</v>
      </c>
      <c r="B56" s="17"/>
      <c r="C56" s="13">
        <v>3183</v>
      </c>
      <c r="D56" s="19">
        <v>1693</v>
      </c>
      <c r="E56" s="19">
        <v>1490</v>
      </c>
      <c r="F56" s="19"/>
      <c r="G56" s="18" t="s">
        <v>110</v>
      </c>
      <c r="H56" s="17"/>
      <c r="I56" s="13">
        <v>387</v>
      </c>
      <c r="J56" s="19">
        <v>115</v>
      </c>
      <c r="K56" s="19">
        <v>272</v>
      </c>
    </row>
    <row r="57" spans="1:11" ht="15" customHeight="1">
      <c r="A57" s="17" t="s">
        <v>111</v>
      </c>
      <c r="B57" s="17"/>
      <c r="C57" s="13">
        <v>3215</v>
      </c>
      <c r="D57" s="19">
        <v>1695</v>
      </c>
      <c r="E57" s="19">
        <v>1520</v>
      </c>
      <c r="F57" s="19"/>
      <c r="G57" s="18" t="s">
        <v>112</v>
      </c>
      <c r="H57" s="17"/>
      <c r="I57" s="13">
        <v>306</v>
      </c>
      <c r="J57" s="19">
        <v>77</v>
      </c>
      <c r="K57" s="19">
        <v>229</v>
      </c>
    </row>
    <row r="58" spans="1:11" ht="15" customHeight="1">
      <c r="A58" s="17" t="s">
        <v>113</v>
      </c>
      <c r="B58" s="17"/>
      <c r="C58" s="13">
        <v>3221</v>
      </c>
      <c r="D58" s="19">
        <v>1714</v>
      </c>
      <c r="E58" s="19">
        <v>1507</v>
      </c>
      <c r="F58" s="19"/>
      <c r="G58" s="18" t="s">
        <v>114</v>
      </c>
      <c r="H58" s="17"/>
      <c r="I58" s="13">
        <v>258</v>
      </c>
      <c r="J58" s="19">
        <v>71</v>
      </c>
      <c r="K58" s="19">
        <v>187</v>
      </c>
    </row>
    <row r="59" spans="1:11" ht="20.100000000000001" customHeight="1">
      <c r="A59" s="17" t="s">
        <v>115</v>
      </c>
      <c r="B59" s="17"/>
      <c r="C59" s="13">
        <v>17412</v>
      </c>
      <c r="D59" s="14">
        <v>9041</v>
      </c>
      <c r="E59" s="14">
        <v>8371</v>
      </c>
      <c r="F59" s="14"/>
      <c r="G59" s="18" t="s">
        <v>116</v>
      </c>
      <c r="H59" s="17"/>
      <c r="I59" s="13">
        <v>612</v>
      </c>
      <c r="J59" s="14">
        <v>128</v>
      </c>
      <c r="K59" s="14">
        <v>484</v>
      </c>
    </row>
    <row r="60" spans="1:11" ht="15" customHeight="1">
      <c r="A60" s="17" t="s">
        <v>117</v>
      </c>
      <c r="B60" s="17"/>
      <c r="C60" s="13">
        <v>3369</v>
      </c>
      <c r="D60" s="19">
        <v>1752</v>
      </c>
      <c r="E60" s="19">
        <v>1617</v>
      </c>
      <c r="F60" s="19"/>
      <c r="G60" s="18" t="s">
        <v>118</v>
      </c>
      <c r="H60" s="17"/>
      <c r="I60" s="13">
        <v>204</v>
      </c>
      <c r="J60" s="19">
        <v>45</v>
      </c>
      <c r="K60" s="19">
        <v>159</v>
      </c>
    </row>
    <row r="61" spans="1:11" ht="15" customHeight="1">
      <c r="A61" s="17" t="s">
        <v>119</v>
      </c>
      <c r="B61" s="17"/>
      <c r="C61" s="13">
        <v>3489</v>
      </c>
      <c r="D61" s="19">
        <v>1893</v>
      </c>
      <c r="E61" s="19">
        <v>1596</v>
      </c>
      <c r="F61" s="19"/>
      <c r="G61" s="18" t="s">
        <v>120</v>
      </c>
      <c r="H61" s="17"/>
      <c r="I61" s="13">
        <v>148</v>
      </c>
      <c r="J61" s="19">
        <v>39</v>
      </c>
      <c r="K61" s="19">
        <v>109</v>
      </c>
    </row>
    <row r="62" spans="1:11" ht="15" customHeight="1">
      <c r="A62" s="17" t="s">
        <v>121</v>
      </c>
      <c r="B62" s="17"/>
      <c r="C62" s="13">
        <v>3548</v>
      </c>
      <c r="D62" s="19">
        <v>1773</v>
      </c>
      <c r="E62" s="19">
        <v>1775</v>
      </c>
      <c r="F62" s="19"/>
      <c r="G62" s="18" t="s">
        <v>122</v>
      </c>
      <c r="H62" s="17"/>
      <c r="I62" s="13">
        <v>120</v>
      </c>
      <c r="J62" s="19">
        <v>19</v>
      </c>
      <c r="K62" s="19">
        <v>101</v>
      </c>
    </row>
    <row r="63" spans="1:11" ht="15" customHeight="1">
      <c r="A63" s="17" t="s">
        <v>123</v>
      </c>
      <c r="B63" s="17"/>
      <c r="C63" s="13">
        <v>3502</v>
      </c>
      <c r="D63" s="19">
        <v>1774</v>
      </c>
      <c r="E63" s="19">
        <v>1728</v>
      </c>
      <c r="F63" s="19"/>
      <c r="G63" s="18" t="s">
        <v>124</v>
      </c>
      <c r="H63" s="17"/>
      <c r="I63" s="13">
        <v>85</v>
      </c>
      <c r="J63" s="19">
        <v>14</v>
      </c>
      <c r="K63" s="19">
        <v>71</v>
      </c>
    </row>
    <row r="64" spans="1:11" ht="15" customHeight="1">
      <c r="A64" s="17" t="s">
        <v>125</v>
      </c>
      <c r="B64" s="17"/>
      <c r="C64" s="13">
        <v>3504</v>
      </c>
      <c r="D64" s="19">
        <v>1849</v>
      </c>
      <c r="E64" s="19">
        <v>1655</v>
      </c>
      <c r="F64" s="19"/>
      <c r="G64" s="18" t="s">
        <v>126</v>
      </c>
      <c r="H64" s="17"/>
      <c r="I64" s="13">
        <v>55</v>
      </c>
      <c r="J64" s="19">
        <v>11</v>
      </c>
      <c r="K64" s="19">
        <v>4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7</v>
      </c>
      <c r="J65" s="19">
        <v>24</v>
      </c>
      <c r="K65" s="19">
        <v>9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138</v>
      </c>
      <c r="J66" s="29">
        <v>1868</v>
      </c>
      <c r="K66" s="29">
        <v>127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2533</v>
      </c>
      <c r="D4" s="14">
        <v>113508</v>
      </c>
      <c r="E4" s="14">
        <v>11902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213</v>
      </c>
      <c r="D5" s="14">
        <v>5186</v>
      </c>
      <c r="E5" s="14">
        <v>5027</v>
      </c>
      <c r="F5" s="14"/>
      <c r="G5" s="18" t="s">
        <v>8</v>
      </c>
      <c r="H5" s="17"/>
      <c r="I5" s="13">
        <v>17693</v>
      </c>
      <c r="J5" s="14">
        <v>8895</v>
      </c>
      <c r="K5" s="14">
        <v>8798</v>
      </c>
    </row>
    <row r="6" spans="1:11" ht="15" customHeight="1">
      <c r="A6" s="17" t="s">
        <v>9</v>
      </c>
      <c r="B6" s="17"/>
      <c r="C6" s="13">
        <v>1885</v>
      </c>
      <c r="D6" s="19">
        <v>973</v>
      </c>
      <c r="E6" s="19">
        <v>912</v>
      </c>
      <c r="F6" s="19"/>
      <c r="G6" s="18" t="s">
        <v>10</v>
      </c>
      <c r="H6" s="17"/>
      <c r="I6" s="13">
        <v>3739</v>
      </c>
      <c r="J6" s="19">
        <v>1873</v>
      </c>
      <c r="K6" s="19">
        <v>1866</v>
      </c>
    </row>
    <row r="7" spans="1:11" ht="15" customHeight="1">
      <c r="A7" s="17" t="s">
        <v>11</v>
      </c>
      <c r="B7" s="17"/>
      <c r="C7" s="13">
        <v>2066</v>
      </c>
      <c r="D7" s="19">
        <v>1064</v>
      </c>
      <c r="E7" s="19">
        <v>1002</v>
      </c>
      <c r="F7" s="19"/>
      <c r="G7" s="18" t="s">
        <v>12</v>
      </c>
      <c r="H7" s="17"/>
      <c r="I7" s="13">
        <v>3771</v>
      </c>
      <c r="J7" s="19">
        <v>1870</v>
      </c>
      <c r="K7" s="19">
        <v>1901</v>
      </c>
    </row>
    <row r="8" spans="1:11" ht="15" customHeight="1">
      <c r="A8" s="17" t="s">
        <v>13</v>
      </c>
      <c r="B8" s="17"/>
      <c r="C8" s="13">
        <v>2119</v>
      </c>
      <c r="D8" s="19">
        <v>1078</v>
      </c>
      <c r="E8" s="19">
        <v>1041</v>
      </c>
      <c r="F8" s="19"/>
      <c r="G8" s="18" t="s">
        <v>14</v>
      </c>
      <c r="H8" s="17"/>
      <c r="I8" s="13">
        <v>3824</v>
      </c>
      <c r="J8" s="19">
        <v>1947</v>
      </c>
      <c r="K8" s="19">
        <v>1877</v>
      </c>
    </row>
    <row r="9" spans="1:11" ht="15" customHeight="1">
      <c r="A9" s="17" t="s">
        <v>15</v>
      </c>
      <c r="B9" s="17"/>
      <c r="C9" s="13">
        <v>2212</v>
      </c>
      <c r="D9" s="19">
        <v>1129</v>
      </c>
      <c r="E9" s="19">
        <v>1083</v>
      </c>
      <c r="F9" s="19"/>
      <c r="G9" s="18" t="s">
        <v>16</v>
      </c>
      <c r="H9" s="17"/>
      <c r="I9" s="13">
        <v>2775</v>
      </c>
      <c r="J9" s="19">
        <v>1421</v>
      </c>
      <c r="K9" s="19">
        <v>1354</v>
      </c>
    </row>
    <row r="10" spans="1:11" ht="15" customHeight="1">
      <c r="A10" s="17" t="s">
        <v>17</v>
      </c>
      <c r="B10" s="17"/>
      <c r="C10" s="13">
        <v>1931</v>
      </c>
      <c r="D10" s="19">
        <v>942</v>
      </c>
      <c r="E10" s="19">
        <v>989</v>
      </c>
      <c r="F10" s="19"/>
      <c r="G10" s="18" t="s">
        <v>18</v>
      </c>
      <c r="H10" s="17"/>
      <c r="I10" s="13">
        <v>3584</v>
      </c>
      <c r="J10" s="19">
        <v>1784</v>
      </c>
      <c r="K10" s="19">
        <v>1800</v>
      </c>
    </row>
    <row r="11" spans="1:11" ht="20.100000000000001" customHeight="1">
      <c r="A11" s="17" t="s">
        <v>19</v>
      </c>
      <c r="B11" s="17"/>
      <c r="C11" s="13">
        <v>9418</v>
      </c>
      <c r="D11" s="14">
        <v>4832</v>
      </c>
      <c r="E11" s="14">
        <v>4586</v>
      </c>
      <c r="F11" s="14"/>
      <c r="G11" s="18" t="s">
        <v>20</v>
      </c>
      <c r="H11" s="17"/>
      <c r="I11" s="13">
        <v>13966</v>
      </c>
      <c r="J11" s="14">
        <v>7106</v>
      </c>
      <c r="K11" s="14">
        <v>6860</v>
      </c>
    </row>
    <row r="12" spans="1:11" ht="15" customHeight="1">
      <c r="A12" s="17" t="s">
        <v>21</v>
      </c>
      <c r="B12" s="17"/>
      <c r="C12" s="13">
        <v>1863</v>
      </c>
      <c r="D12" s="19">
        <v>937</v>
      </c>
      <c r="E12" s="19">
        <v>926</v>
      </c>
      <c r="F12" s="19"/>
      <c r="G12" s="18" t="s">
        <v>22</v>
      </c>
      <c r="H12" s="17"/>
      <c r="I12" s="13">
        <v>3187</v>
      </c>
      <c r="J12" s="19">
        <v>1641</v>
      </c>
      <c r="K12" s="19">
        <v>1546</v>
      </c>
    </row>
    <row r="13" spans="1:11" ht="15" customHeight="1">
      <c r="A13" s="17" t="s">
        <v>23</v>
      </c>
      <c r="B13" s="17"/>
      <c r="C13" s="13">
        <v>1897</v>
      </c>
      <c r="D13" s="19">
        <v>940</v>
      </c>
      <c r="E13" s="19">
        <v>957</v>
      </c>
      <c r="F13" s="19"/>
      <c r="G13" s="18" t="s">
        <v>24</v>
      </c>
      <c r="H13" s="17"/>
      <c r="I13" s="13">
        <v>2988</v>
      </c>
      <c r="J13" s="19">
        <v>1502</v>
      </c>
      <c r="K13" s="19">
        <v>1486</v>
      </c>
    </row>
    <row r="14" spans="1:11" ht="15" customHeight="1">
      <c r="A14" s="17" t="s">
        <v>25</v>
      </c>
      <c r="B14" s="17"/>
      <c r="C14" s="13">
        <v>1866</v>
      </c>
      <c r="D14" s="19">
        <v>994</v>
      </c>
      <c r="E14" s="19">
        <v>872</v>
      </c>
      <c r="F14" s="19"/>
      <c r="G14" s="18" t="s">
        <v>26</v>
      </c>
      <c r="H14" s="17"/>
      <c r="I14" s="13">
        <v>2826</v>
      </c>
      <c r="J14" s="19">
        <v>1484</v>
      </c>
      <c r="K14" s="19">
        <v>1342</v>
      </c>
    </row>
    <row r="15" spans="1:11" ht="15" customHeight="1">
      <c r="A15" s="17" t="s">
        <v>27</v>
      </c>
      <c r="B15" s="17"/>
      <c r="C15" s="13">
        <v>1919</v>
      </c>
      <c r="D15" s="19">
        <v>981</v>
      </c>
      <c r="E15" s="19">
        <v>938</v>
      </c>
      <c r="F15" s="19"/>
      <c r="G15" s="18" t="s">
        <v>28</v>
      </c>
      <c r="H15" s="17"/>
      <c r="I15" s="13">
        <v>2569</v>
      </c>
      <c r="J15" s="19">
        <v>1270</v>
      </c>
      <c r="K15" s="19">
        <v>1299</v>
      </c>
    </row>
    <row r="16" spans="1:11" ht="15" customHeight="1">
      <c r="A16" s="17" t="s">
        <v>29</v>
      </c>
      <c r="B16" s="17"/>
      <c r="C16" s="13">
        <v>1873</v>
      </c>
      <c r="D16" s="19">
        <v>980</v>
      </c>
      <c r="E16" s="19">
        <v>893</v>
      </c>
      <c r="F16" s="19"/>
      <c r="G16" s="18" t="s">
        <v>30</v>
      </c>
      <c r="H16" s="17"/>
      <c r="I16" s="13">
        <v>2396</v>
      </c>
      <c r="J16" s="19">
        <v>1209</v>
      </c>
      <c r="K16" s="19">
        <v>1187</v>
      </c>
    </row>
    <row r="17" spans="1:11" ht="20.100000000000001" customHeight="1">
      <c r="A17" s="20" t="s">
        <v>31</v>
      </c>
      <c r="B17" s="20"/>
      <c r="C17" s="13">
        <v>9505</v>
      </c>
      <c r="D17" s="14">
        <v>4887</v>
      </c>
      <c r="E17" s="14">
        <v>4618</v>
      </c>
      <c r="F17" s="14"/>
      <c r="G17" s="18" t="s">
        <v>32</v>
      </c>
      <c r="H17" s="17"/>
      <c r="I17" s="13">
        <v>10554</v>
      </c>
      <c r="J17" s="14">
        <v>5238</v>
      </c>
      <c r="K17" s="14">
        <v>5316</v>
      </c>
    </row>
    <row r="18" spans="1:11" ht="15" customHeight="1">
      <c r="A18" s="17" t="s">
        <v>33</v>
      </c>
      <c r="B18" s="17"/>
      <c r="C18" s="13">
        <v>1891</v>
      </c>
      <c r="D18" s="19">
        <v>960</v>
      </c>
      <c r="E18" s="19">
        <v>931</v>
      </c>
      <c r="F18" s="19"/>
      <c r="G18" s="18" t="s">
        <v>34</v>
      </c>
      <c r="H18" s="17"/>
      <c r="I18" s="13">
        <v>2295</v>
      </c>
      <c r="J18" s="19">
        <v>1147</v>
      </c>
      <c r="K18" s="19">
        <v>1148</v>
      </c>
    </row>
    <row r="19" spans="1:11" ht="15" customHeight="1">
      <c r="A19" s="17" t="s">
        <v>35</v>
      </c>
      <c r="B19" s="17"/>
      <c r="C19" s="13">
        <v>1967</v>
      </c>
      <c r="D19" s="19">
        <v>1016</v>
      </c>
      <c r="E19" s="19">
        <v>951</v>
      </c>
      <c r="F19" s="19"/>
      <c r="G19" s="18" t="s">
        <v>36</v>
      </c>
      <c r="H19" s="17"/>
      <c r="I19" s="13">
        <v>2248</v>
      </c>
      <c r="J19" s="19">
        <v>1108</v>
      </c>
      <c r="K19" s="19">
        <v>1140</v>
      </c>
    </row>
    <row r="20" spans="1:11" ht="15" customHeight="1">
      <c r="A20" s="17" t="s">
        <v>37</v>
      </c>
      <c r="B20" s="17"/>
      <c r="C20" s="13">
        <v>1925</v>
      </c>
      <c r="D20" s="19">
        <v>1019</v>
      </c>
      <c r="E20" s="19">
        <v>906</v>
      </c>
      <c r="F20" s="19"/>
      <c r="G20" s="18" t="s">
        <v>38</v>
      </c>
      <c r="H20" s="17"/>
      <c r="I20" s="13">
        <v>1992</v>
      </c>
      <c r="J20" s="19">
        <v>974</v>
      </c>
      <c r="K20" s="19">
        <v>1018</v>
      </c>
    </row>
    <row r="21" spans="1:11" ht="15" customHeight="1">
      <c r="A21" s="17" t="s">
        <v>39</v>
      </c>
      <c r="B21" s="17"/>
      <c r="C21" s="13">
        <v>1840</v>
      </c>
      <c r="D21" s="19">
        <v>951</v>
      </c>
      <c r="E21" s="19">
        <v>889</v>
      </c>
      <c r="F21" s="19"/>
      <c r="G21" s="18" t="s">
        <v>40</v>
      </c>
      <c r="H21" s="17"/>
      <c r="I21" s="13">
        <v>2029</v>
      </c>
      <c r="J21" s="19">
        <v>1008</v>
      </c>
      <c r="K21" s="19">
        <v>1021</v>
      </c>
    </row>
    <row r="22" spans="1:11" ht="15" customHeight="1">
      <c r="A22" s="17" t="s">
        <v>41</v>
      </c>
      <c r="B22" s="17"/>
      <c r="C22" s="13">
        <v>1882</v>
      </c>
      <c r="D22" s="19">
        <v>941</v>
      </c>
      <c r="E22" s="19">
        <v>941</v>
      </c>
      <c r="F22" s="19"/>
      <c r="G22" s="18" t="s">
        <v>42</v>
      </c>
      <c r="H22" s="17"/>
      <c r="I22" s="13">
        <v>1990</v>
      </c>
      <c r="J22" s="19">
        <v>1001</v>
      </c>
      <c r="K22" s="19">
        <v>989</v>
      </c>
    </row>
    <row r="23" spans="1:11" ht="20.100000000000001" customHeight="1">
      <c r="A23" s="17" t="s">
        <v>43</v>
      </c>
      <c r="B23" s="17"/>
      <c r="C23" s="13">
        <v>9896</v>
      </c>
      <c r="D23" s="14">
        <v>5004</v>
      </c>
      <c r="E23" s="14">
        <v>4892</v>
      </c>
      <c r="F23" s="14"/>
      <c r="G23" s="18" t="s">
        <v>44</v>
      </c>
      <c r="H23" s="17"/>
      <c r="I23" s="13">
        <v>10955</v>
      </c>
      <c r="J23" s="14">
        <v>5272</v>
      </c>
      <c r="K23" s="14">
        <v>5683</v>
      </c>
    </row>
    <row r="24" spans="1:11" ht="15" customHeight="1">
      <c r="A24" s="17" t="s">
        <v>45</v>
      </c>
      <c r="B24" s="17"/>
      <c r="C24" s="13">
        <v>1874</v>
      </c>
      <c r="D24" s="19">
        <v>966</v>
      </c>
      <c r="E24" s="19">
        <v>908</v>
      </c>
      <c r="F24" s="19"/>
      <c r="G24" s="18" t="s">
        <v>46</v>
      </c>
      <c r="H24" s="17"/>
      <c r="I24" s="13">
        <v>2051</v>
      </c>
      <c r="J24" s="19">
        <v>1002</v>
      </c>
      <c r="K24" s="19">
        <v>1049</v>
      </c>
    </row>
    <row r="25" spans="1:11" ht="15" customHeight="1">
      <c r="A25" s="17" t="s">
        <v>47</v>
      </c>
      <c r="B25" s="17"/>
      <c r="C25" s="13">
        <v>1861</v>
      </c>
      <c r="D25" s="19">
        <v>918</v>
      </c>
      <c r="E25" s="19">
        <v>943</v>
      </c>
      <c r="F25" s="19"/>
      <c r="G25" s="18" t="s">
        <v>48</v>
      </c>
      <c r="H25" s="17"/>
      <c r="I25" s="13">
        <v>2057</v>
      </c>
      <c r="J25" s="19">
        <v>967</v>
      </c>
      <c r="K25" s="19">
        <v>1090</v>
      </c>
    </row>
    <row r="26" spans="1:11" ht="15" customHeight="1">
      <c r="A26" s="17" t="s">
        <v>49</v>
      </c>
      <c r="B26" s="17"/>
      <c r="C26" s="13">
        <v>1951</v>
      </c>
      <c r="D26" s="19">
        <v>988</v>
      </c>
      <c r="E26" s="19">
        <v>963</v>
      </c>
      <c r="F26" s="19"/>
      <c r="G26" s="18" t="s">
        <v>50</v>
      </c>
      <c r="H26" s="17"/>
      <c r="I26" s="13">
        <v>2153</v>
      </c>
      <c r="J26" s="19">
        <v>1045</v>
      </c>
      <c r="K26" s="19">
        <v>1108</v>
      </c>
    </row>
    <row r="27" spans="1:11" ht="15" customHeight="1">
      <c r="A27" s="17" t="s">
        <v>51</v>
      </c>
      <c r="B27" s="17"/>
      <c r="C27" s="13">
        <v>1967</v>
      </c>
      <c r="D27" s="19">
        <v>987</v>
      </c>
      <c r="E27" s="19">
        <v>980</v>
      </c>
      <c r="F27" s="19"/>
      <c r="G27" s="18" t="s">
        <v>52</v>
      </c>
      <c r="H27" s="17"/>
      <c r="I27" s="13">
        <v>2265</v>
      </c>
      <c r="J27" s="19">
        <v>1091</v>
      </c>
      <c r="K27" s="19">
        <v>1174</v>
      </c>
    </row>
    <row r="28" spans="1:11" ht="15" customHeight="1">
      <c r="A28" s="17" t="s">
        <v>53</v>
      </c>
      <c r="B28" s="17"/>
      <c r="C28" s="13">
        <v>2243</v>
      </c>
      <c r="D28" s="19">
        <v>1145</v>
      </c>
      <c r="E28" s="19">
        <v>1098</v>
      </c>
      <c r="F28" s="19"/>
      <c r="G28" s="18" t="s">
        <v>54</v>
      </c>
      <c r="H28" s="17"/>
      <c r="I28" s="13">
        <v>2429</v>
      </c>
      <c r="J28" s="19">
        <v>1167</v>
      </c>
      <c r="K28" s="19">
        <v>1262</v>
      </c>
    </row>
    <row r="29" spans="1:11" ht="20.100000000000001" customHeight="1">
      <c r="A29" s="17" t="s">
        <v>55</v>
      </c>
      <c r="B29" s="17"/>
      <c r="C29" s="13">
        <v>12439</v>
      </c>
      <c r="D29" s="14">
        <v>6220</v>
      </c>
      <c r="E29" s="14">
        <v>6219</v>
      </c>
      <c r="F29" s="14"/>
      <c r="G29" s="18" t="s">
        <v>56</v>
      </c>
      <c r="H29" s="17"/>
      <c r="I29" s="13">
        <v>11636</v>
      </c>
      <c r="J29" s="14">
        <v>5344</v>
      </c>
      <c r="K29" s="14">
        <v>6292</v>
      </c>
    </row>
    <row r="30" spans="1:11" ht="15" customHeight="1">
      <c r="A30" s="17" t="s">
        <v>57</v>
      </c>
      <c r="B30" s="17"/>
      <c r="C30" s="13">
        <v>2253</v>
      </c>
      <c r="D30" s="19">
        <v>1154</v>
      </c>
      <c r="E30" s="19">
        <v>1099</v>
      </c>
      <c r="F30" s="19"/>
      <c r="G30" s="18" t="s">
        <v>58</v>
      </c>
      <c r="H30" s="17"/>
      <c r="I30" s="13">
        <v>2771</v>
      </c>
      <c r="J30" s="19">
        <v>1268</v>
      </c>
      <c r="K30" s="19">
        <v>1503</v>
      </c>
    </row>
    <row r="31" spans="1:11" ht="15" customHeight="1">
      <c r="A31" s="17" t="s">
        <v>59</v>
      </c>
      <c r="B31" s="17"/>
      <c r="C31" s="13">
        <v>2406</v>
      </c>
      <c r="D31" s="19">
        <v>1207</v>
      </c>
      <c r="E31" s="19">
        <v>1199</v>
      </c>
      <c r="F31" s="19"/>
      <c r="G31" s="18" t="s">
        <v>60</v>
      </c>
      <c r="H31" s="17"/>
      <c r="I31" s="13">
        <v>2740</v>
      </c>
      <c r="J31" s="19">
        <v>1285</v>
      </c>
      <c r="K31" s="19">
        <v>1455</v>
      </c>
    </row>
    <row r="32" spans="1:11" ht="15" customHeight="1">
      <c r="A32" s="17" t="s">
        <v>61</v>
      </c>
      <c r="B32" s="17"/>
      <c r="C32" s="13">
        <v>2477</v>
      </c>
      <c r="D32" s="19">
        <v>1272</v>
      </c>
      <c r="E32" s="19">
        <v>1205</v>
      </c>
      <c r="F32" s="19"/>
      <c r="G32" s="18" t="s">
        <v>62</v>
      </c>
      <c r="H32" s="17"/>
      <c r="I32" s="13">
        <v>2632</v>
      </c>
      <c r="J32" s="19">
        <v>1229</v>
      </c>
      <c r="K32" s="19">
        <v>1403</v>
      </c>
    </row>
    <row r="33" spans="1:11" ht="15" customHeight="1">
      <c r="A33" s="17" t="s">
        <v>63</v>
      </c>
      <c r="B33" s="17"/>
      <c r="C33" s="13">
        <v>2736</v>
      </c>
      <c r="D33" s="19">
        <v>1338</v>
      </c>
      <c r="E33" s="19">
        <v>1398</v>
      </c>
      <c r="F33" s="19"/>
      <c r="G33" s="18" t="s">
        <v>64</v>
      </c>
      <c r="H33" s="17"/>
      <c r="I33" s="13">
        <v>1832</v>
      </c>
      <c r="J33" s="19">
        <v>829</v>
      </c>
      <c r="K33" s="19">
        <v>1003</v>
      </c>
    </row>
    <row r="34" spans="1:11" ht="15" customHeight="1">
      <c r="A34" s="17" t="s">
        <v>65</v>
      </c>
      <c r="B34" s="17"/>
      <c r="C34" s="13">
        <v>2567</v>
      </c>
      <c r="D34" s="19">
        <v>1249</v>
      </c>
      <c r="E34" s="19">
        <v>1318</v>
      </c>
      <c r="F34" s="19"/>
      <c r="G34" s="18" t="s">
        <v>66</v>
      </c>
      <c r="H34" s="17"/>
      <c r="I34" s="13">
        <v>1661</v>
      </c>
      <c r="J34" s="19">
        <v>733</v>
      </c>
      <c r="K34" s="19">
        <v>928</v>
      </c>
    </row>
    <row r="35" spans="1:11" ht="20.100000000000001" customHeight="1">
      <c r="A35" s="17" t="s">
        <v>67</v>
      </c>
      <c r="B35" s="17"/>
      <c r="C35" s="13">
        <v>11342</v>
      </c>
      <c r="D35" s="14">
        <v>5561</v>
      </c>
      <c r="E35" s="14">
        <v>5781</v>
      </c>
      <c r="F35" s="14"/>
      <c r="G35" s="18" t="s">
        <v>68</v>
      </c>
      <c r="H35" s="17"/>
      <c r="I35" s="13">
        <v>9957</v>
      </c>
      <c r="J35" s="14">
        <v>4401</v>
      </c>
      <c r="K35" s="14">
        <v>5556</v>
      </c>
    </row>
    <row r="36" spans="1:11" ht="15" customHeight="1">
      <c r="A36" s="17" t="s">
        <v>69</v>
      </c>
      <c r="B36" s="17"/>
      <c r="C36" s="13">
        <v>2546</v>
      </c>
      <c r="D36" s="19">
        <v>1254</v>
      </c>
      <c r="E36" s="19">
        <v>1292</v>
      </c>
      <c r="F36" s="19"/>
      <c r="G36" s="18" t="s">
        <v>70</v>
      </c>
      <c r="H36" s="17"/>
      <c r="I36" s="13">
        <v>2014</v>
      </c>
      <c r="J36" s="19">
        <v>903</v>
      </c>
      <c r="K36" s="19">
        <v>1111</v>
      </c>
    </row>
    <row r="37" spans="1:11" ht="15" customHeight="1">
      <c r="A37" s="17" t="s">
        <v>71</v>
      </c>
      <c r="B37" s="17"/>
      <c r="C37" s="13">
        <v>2341</v>
      </c>
      <c r="D37" s="19">
        <v>1168</v>
      </c>
      <c r="E37" s="19">
        <v>1173</v>
      </c>
      <c r="F37" s="19"/>
      <c r="G37" s="18" t="s">
        <v>72</v>
      </c>
      <c r="H37" s="17"/>
      <c r="I37" s="13">
        <v>2177</v>
      </c>
      <c r="J37" s="19">
        <v>949</v>
      </c>
      <c r="K37" s="19">
        <v>1228</v>
      </c>
    </row>
    <row r="38" spans="1:11" ht="15" customHeight="1">
      <c r="A38" s="17" t="s">
        <v>73</v>
      </c>
      <c r="B38" s="17"/>
      <c r="C38" s="13">
        <v>2210</v>
      </c>
      <c r="D38" s="19">
        <v>1063</v>
      </c>
      <c r="E38" s="19">
        <v>1147</v>
      </c>
      <c r="F38" s="19"/>
      <c r="G38" s="18" t="s">
        <v>74</v>
      </c>
      <c r="H38" s="17"/>
      <c r="I38" s="13">
        <v>2048</v>
      </c>
      <c r="J38" s="19">
        <v>912</v>
      </c>
      <c r="K38" s="19">
        <v>1136</v>
      </c>
    </row>
    <row r="39" spans="1:11" ht="15" customHeight="1">
      <c r="A39" s="17" t="s">
        <v>75</v>
      </c>
      <c r="B39" s="17"/>
      <c r="C39" s="13">
        <v>2151</v>
      </c>
      <c r="D39" s="19">
        <v>1054</v>
      </c>
      <c r="E39" s="19">
        <v>1097</v>
      </c>
      <c r="F39" s="19"/>
      <c r="G39" s="18" t="s">
        <v>76</v>
      </c>
      <c r="H39" s="17"/>
      <c r="I39" s="13">
        <v>1945</v>
      </c>
      <c r="J39" s="19">
        <v>850</v>
      </c>
      <c r="K39" s="19">
        <v>1095</v>
      </c>
    </row>
    <row r="40" spans="1:11" ht="15" customHeight="1">
      <c r="A40" s="17" t="s">
        <v>77</v>
      </c>
      <c r="B40" s="17"/>
      <c r="C40" s="13">
        <v>2094</v>
      </c>
      <c r="D40" s="19">
        <v>1022</v>
      </c>
      <c r="E40" s="19">
        <v>1072</v>
      </c>
      <c r="F40" s="19"/>
      <c r="G40" s="18" t="s">
        <v>78</v>
      </c>
      <c r="H40" s="17"/>
      <c r="I40" s="13">
        <v>1773</v>
      </c>
      <c r="J40" s="19">
        <v>787</v>
      </c>
      <c r="K40" s="19">
        <v>986</v>
      </c>
    </row>
    <row r="41" spans="1:11" ht="20.100000000000001" customHeight="1">
      <c r="A41" s="17" t="s">
        <v>79</v>
      </c>
      <c r="B41" s="17"/>
      <c r="C41" s="13">
        <v>11648</v>
      </c>
      <c r="D41" s="14">
        <v>5724</v>
      </c>
      <c r="E41" s="14">
        <v>5924</v>
      </c>
      <c r="F41" s="14"/>
      <c r="G41" s="18" t="s">
        <v>80</v>
      </c>
      <c r="H41" s="17"/>
      <c r="I41" s="13">
        <v>6880</v>
      </c>
      <c r="J41" s="14">
        <v>2994</v>
      </c>
      <c r="K41" s="14">
        <v>3886</v>
      </c>
    </row>
    <row r="42" spans="1:11" ht="15" customHeight="1">
      <c r="A42" s="17" t="s">
        <v>81</v>
      </c>
      <c r="B42" s="17"/>
      <c r="C42" s="13">
        <v>2171</v>
      </c>
      <c r="D42" s="19">
        <v>1098</v>
      </c>
      <c r="E42" s="19">
        <v>1073</v>
      </c>
      <c r="F42" s="19"/>
      <c r="G42" s="18" t="s">
        <v>82</v>
      </c>
      <c r="H42" s="17"/>
      <c r="I42" s="13">
        <v>1466</v>
      </c>
      <c r="J42" s="19">
        <v>645</v>
      </c>
      <c r="K42" s="19">
        <v>821</v>
      </c>
    </row>
    <row r="43" spans="1:11" ht="15" customHeight="1">
      <c r="A43" s="17" t="s">
        <v>83</v>
      </c>
      <c r="B43" s="17"/>
      <c r="C43" s="13">
        <v>2235</v>
      </c>
      <c r="D43" s="19">
        <v>1056</v>
      </c>
      <c r="E43" s="19">
        <v>1179</v>
      </c>
      <c r="F43" s="19"/>
      <c r="G43" s="18" t="s">
        <v>84</v>
      </c>
      <c r="H43" s="17"/>
      <c r="I43" s="13">
        <v>1409</v>
      </c>
      <c r="J43" s="19">
        <v>597</v>
      </c>
      <c r="K43" s="19">
        <v>812</v>
      </c>
    </row>
    <row r="44" spans="1:11" ht="15" customHeight="1">
      <c r="A44" s="17" t="s">
        <v>85</v>
      </c>
      <c r="B44" s="17"/>
      <c r="C44" s="13">
        <v>2276</v>
      </c>
      <c r="D44" s="19">
        <v>1122</v>
      </c>
      <c r="E44" s="19">
        <v>1154</v>
      </c>
      <c r="F44" s="19"/>
      <c r="G44" s="18" t="s">
        <v>86</v>
      </c>
      <c r="H44" s="17"/>
      <c r="I44" s="13">
        <v>1468</v>
      </c>
      <c r="J44" s="19">
        <v>646</v>
      </c>
      <c r="K44" s="19">
        <v>822</v>
      </c>
    </row>
    <row r="45" spans="1:11" ht="15" customHeight="1">
      <c r="A45" s="17" t="s">
        <v>87</v>
      </c>
      <c r="B45" s="17"/>
      <c r="C45" s="13">
        <v>2344</v>
      </c>
      <c r="D45" s="19">
        <v>1156</v>
      </c>
      <c r="E45" s="19">
        <v>1188</v>
      </c>
      <c r="F45" s="19"/>
      <c r="G45" s="18" t="s">
        <v>88</v>
      </c>
      <c r="H45" s="17"/>
      <c r="I45" s="13">
        <v>1298</v>
      </c>
      <c r="J45" s="19">
        <v>591</v>
      </c>
      <c r="K45" s="19">
        <v>707</v>
      </c>
    </row>
    <row r="46" spans="1:11" ht="15" customHeight="1">
      <c r="A46" s="17" t="s">
        <v>89</v>
      </c>
      <c r="B46" s="17"/>
      <c r="C46" s="13">
        <v>2622</v>
      </c>
      <c r="D46" s="19">
        <v>1292</v>
      </c>
      <c r="E46" s="19">
        <v>1330</v>
      </c>
      <c r="F46" s="19"/>
      <c r="G46" s="18" t="s">
        <v>90</v>
      </c>
      <c r="H46" s="17"/>
      <c r="I46" s="13">
        <v>1239</v>
      </c>
      <c r="J46" s="19">
        <v>515</v>
      </c>
      <c r="K46" s="19">
        <v>724</v>
      </c>
    </row>
    <row r="47" spans="1:11" ht="20.100000000000001" customHeight="1">
      <c r="A47" s="17" t="s">
        <v>91</v>
      </c>
      <c r="B47" s="17"/>
      <c r="C47" s="13">
        <v>13921</v>
      </c>
      <c r="D47" s="14">
        <v>6849</v>
      </c>
      <c r="E47" s="14">
        <v>7072</v>
      </c>
      <c r="F47" s="14"/>
      <c r="G47" s="18" t="s">
        <v>92</v>
      </c>
      <c r="H47" s="17"/>
      <c r="I47" s="13">
        <v>4138</v>
      </c>
      <c r="J47" s="14">
        <v>1569</v>
      </c>
      <c r="K47" s="14">
        <v>2569</v>
      </c>
    </row>
    <row r="48" spans="1:11" ht="15" customHeight="1">
      <c r="A48" s="17" t="s">
        <v>93</v>
      </c>
      <c r="B48" s="17"/>
      <c r="C48" s="13">
        <v>2602</v>
      </c>
      <c r="D48" s="19">
        <v>1255</v>
      </c>
      <c r="E48" s="19">
        <v>1347</v>
      </c>
      <c r="F48" s="19"/>
      <c r="G48" s="18" t="s">
        <v>94</v>
      </c>
      <c r="H48" s="17"/>
      <c r="I48" s="13">
        <v>967</v>
      </c>
      <c r="J48" s="19">
        <v>372</v>
      </c>
      <c r="K48" s="19">
        <v>595</v>
      </c>
    </row>
    <row r="49" spans="1:11" ht="15" customHeight="1">
      <c r="A49" s="17" t="s">
        <v>95</v>
      </c>
      <c r="B49" s="17"/>
      <c r="C49" s="13">
        <v>2897</v>
      </c>
      <c r="D49" s="19">
        <v>1416</v>
      </c>
      <c r="E49" s="19">
        <v>1481</v>
      </c>
      <c r="F49" s="19"/>
      <c r="G49" s="18" t="s">
        <v>96</v>
      </c>
      <c r="H49" s="17"/>
      <c r="I49" s="13">
        <v>980</v>
      </c>
      <c r="J49" s="19">
        <v>403</v>
      </c>
      <c r="K49" s="19">
        <v>577</v>
      </c>
    </row>
    <row r="50" spans="1:11" ht="15" customHeight="1">
      <c r="A50" s="17" t="s">
        <v>97</v>
      </c>
      <c r="B50" s="17"/>
      <c r="C50" s="13">
        <v>2689</v>
      </c>
      <c r="D50" s="19">
        <v>1325</v>
      </c>
      <c r="E50" s="19">
        <v>1364</v>
      </c>
      <c r="F50" s="19"/>
      <c r="G50" s="18" t="s">
        <v>98</v>
      </c>
      <c r="H50" s="17"/>
      <c r="I50" s="13">
        <v>885</v>
      </c>
      <c r="J50" s="19">
        <v>330</v>
      </c>
      <c r="K50" s="19">
        <v>555</v>
      </c>
    </row>
    <row r="51" spans="1:11" ht="15" customHeight="1">
      <c r="A51" s="17" t="s">
        <v>99</v>
      </c>
      <c r="B51" s="17"/>
      <c r="C51" s="13">
        <v>2793</v>
      </c>
      <c r="D51" s="19">
        <v>1392</v>
      </c>
      <c r="E51" s="19">
        <v>1401</v>
      </c>
      <c r="F51" s="19"/>
      <c r="G51" s="18" t="s">
        <v>100</v>
      </c>
      <c r="H51" s="17"/>
      <c r="I51" s="13">
        <v>723</v>
      </c>
      <c r="J51" s="19">
        <v>263</v>
      </c>
      <c r="K51" s="19">
        <v>460</v>
      </c>
    </row>
    <row r="52" spans="1:11" ht="15" customHeight="1">
      <c r="A52" s="17" t="s">
        <v>101</v>
      </c>
      <c r="B52" s="17"/>
      <c r="C52" s="13">
        <v>2940</v>
      </c>
      <c r="D52" s="19">
        <v>1461</v>
      </c>
      <c r="E52" s="19">
        <v>1479</v>
      </c>
      <c r="F52" s="19"/>
      <c r="G52" s="18" t="s">
        <v>102</v>
      </c>
      <c r="H52" s="17"/>
      <c r="I52" s="13">
        <v>583</v>
      </c>
      <c r="J52" s="19">
        <v>201</v>
      </c>
      <c r="K52" s="19">
        <v>382</v>
      </c>
    </row>
    <row r="53" spans="1:11" ht="20.100000000000001" customHeight="1">
      <c r="A53" s="17" t="s">
        <v>103</v>
      </c>
      <c r="B53" s="17"/>
      <c r="C53" s="13">
        <v>16168</v>
      </c>
      <c r="D53" s="14">
        <v>7957</v>
      </c>
      <c r="E53" s="14">
        <v>8211</v>
      </c>
      <c r="F53" s="14"/>
      <c r="G53" s="18" t="s">
        <v>104</v>
      </c>
      <c r="H53" s="17"/>
      <c r="I53" s="13">
        <v>1814</v>
      </c>
      <c r="J53" s="14">
        <v>508</v>
      </c>
      <c r="K53" s="14">
        <v>1306</v>
      </c>
    </row>
    <row r="54" spans="1:11" ht="15" customHeight="1">
      <c r="A54" s="17" t="s">
        <v>105</v>
      </c>
      <c r="B54" s="17"/>
      <c r="C54" s="13">
        <v>3052</v>
      </c>
      <c r="D54" s="19">
        <v>1444</v>
      </c>
      <c r="E54" s="19">
        <v>1608</v>
      </c>
      <c r="F54" s="19"/>
      <c r="G54" s="18" t="s">
        <v>106</v>
      </c>
      <c r="H54" s="17"/>
      <c r="I54" s="13">
        <v>491</v>
      </c>
      <c r="J54" s="19">
        <v>143</v>
      </c>
      <c r="K54" s="19">
        <v>348</v>
      </c>
    </row>
    <row r="55" spans="1:11" ht="15" customHeight="1">
      <c r="A55" s="17" t="s">
        <v>107</v>
      </c>
      <c r="B55" s="17"/>
      <c r="C55" s="13">
        <v>3208</v>
      </c>
      <c r="D55" s="19">
        <v>1622</v>
      </c>
      <c r="E55" s="19">
        <v>1586</v>
      </c>
      <c r="F55" s="19"/>
      <c r="G55" s="18" t="s">
        <v>108</v>
      </c>
      <c r="H55" s="17"/>
      <c r="I55" s="13">
        <v>444</v>
      </c>
      <c r="J55" s="19">
        <v>121</v>
      </c>
      <c r="K55" s="19">
        <v>323</v>
      </c>
    </row>
    <row r="56" spans="1:11" ht="15" customHeight="1">
      <c r="A56" s="17" t="s">
        <v>109</v>
      </c>
      <c r="B56" s="17"/>
      <c r="C56" s="13">
        <v>3147</v>
      </c>
      <c r="D56" s="19">
        <v>1521</v>
      </c>
      <c r="E56" s="19">
        <v>1626</v>
      </c>
      <c r="F56" s="19"/>
      <c r="G56" s="18" t="s">
        <v>110</v>
      </c>
      <c r="H56" s="17"/>
      <c r="I56" s="13">
        <v>322</v>
      </c>
      <c r="J56" s="19">
        <v>95</v>
      </c>
      <c r="K56" s="19">
        <v>227</v>
      </c>
    </row>
    <row r="57" spans="1:11" ht="15" customHeight="1">
      <c r="A57" s="17" t="s">
        <v>111</v>
      </c>
      <c r="B57" s="17"/>
      <c r="C57" s="13">
        <v>3407</v>
      </c>
      <c r="D57" s="19">
        <v>1684</v>
      </c>
      <c r="E57" s="19">
        <v>1723</v>
      </c>
      <c r="F57" s="19"/>
      <c r="G57" s="18" t="s">
        <v>112</v>
      </c>
      <c r="H57" s="17"/>
      <c r="I57" s="13">
        <v>283</v>
      </c>
      <c r="J57" s="19">
        <v>81</v>
      </c>
      <c r="K57" s="19">
        <v>202</v>
      </c>
    </row>
    <row r="58" spans="1:11" ht="15" customHeight="1">
      <c r="A58" s="17" t="s">
        <v>113</v>
      </c>
      <c r="B58" s="17"/>
      <c r="C58" s="13">
        <v>3354</v>
      </c>
      <c r="D58" s="19">
        <v>1686</v>
      </c>
      <c r="E58" s="19">
        <v>1668</v>
      </c>
      <c r="F58" s="19"/>
      <c r="G58" s="18" t="s">
        <v>114</v>
      </c>
      <c r="H58" s="17"/>
      <c r="I58" s="13">
        <v>274</v>
      </c>
      <c r="J58" s="19">
        <v>68</v>
      </c>
      <c r="K58" s="19">
        <v>206</v>
      </c>
    </row>
    <row r="59" spans="1:11" ht="20.100000000000001" customHeight="1">
      <c r="A59" s="17" t="s">
        <v>115</v>
      </c>
      <c r="B59" s="17"/>
      <c r="C59" s="13">
        <v>18585</v>
      </c>
      <c r="D59" s="14">
        <v>9079</v>
      </c>
      <c r="E59" s="14">
        <v>9506</v>
      </c>
      <c r="F59" s="14"/>
      <c r="G59" s="18" t="s">
        <v>116</v>
      </c>
      <c r="H59" s="17"/>
      <c r="I59" s="13">
        <v>515</v>
      </c>
      <c r="J59" s="14">
        <v>114</v>
      </c>
      <c r="K59" s="14">
        <v>401</v>
      </c>
    </row>
    <row r="60" spans="1:11" ht="15" customHeight="1">
      <c r="A60" s="17" t="s">
        <v>117</v>
      </c>
      <c r="B60" s="17"/>
      <c r="C60" s="13">
        <v>3705</v>
      </c>
      <c r="D60" s="19">
        <v>1848</v>
      </c>
      <c r="E60" s="19">
        <v>1857</v>
      </c>
      <c r="F60" s="19"/>
      <c r="G60" s="18" t="s">
        <v>118</v>
      </c>
      <c r="H60" s="17"/>
      <c r="I60" s="13">
        <v>154</v>
      </c>
      <c r="J60" s="19">
        <v>43</v>
      </c>
      <c r="K60" s="19">
        <v>111</v>
      </c>
    </row>
    <row r="61" spans="1:11" ht="15" customHeight="1">
      <c r="A61" s="17" t="s">
        <v>119</v>
      </c>
      <c r="B61" s="17"/>
      <c r="C61" s="13">
        <v>3733</v>
      </c>
      <c r="D61" s="19">
        <v>1865</v>
      </c>
      <c r="E61" s="19">
        <v>1868</v>
      </c>
      <c r="F61" s="19"/>
      <c r="G61" s="18" t="s">
        <v>120</v>
      </c>
      <c r="H61" s="17"/>
      <c r="I61" s="13">
        <v>121</v>
      </c>
      <c r="J61" s="19">
        <v>27</v>
      </c>
      <c r="K61" s="19">
        <v>94</v>
      </c>
    </row>
    <row r="62" spans="1:11" ht="15" customHeight="1">
      <c r="A62" s="17" t="s">
        <v>121</v>
      </c>
      <c r="B62" s="17"/>
      <c r="C62" s="13">
        <v>3649</v>
      </c>
      <c r="D62" s="19">
        <v>1798</v>
      </c>
      <c r="E62" s="19">
        <v>1851</v>
      </c>
      <c r="F62" s="19"/>
      <c r="G62" s="18" t="s">
        <v>122</v>
      </c>
      <c r="H62" s="17"/>
      <c r="I62" s="13">
        <v>118</v>
      </c>
      <c r="J62" s="19">
        <v>20</v>
      </c>
      <c r="K62" s="19">
        <v>98</v>
      </c>
    </row>
    <row r="63" spans="1:11" ht="15" customHeight="1">
      <c r="A63" s="17" t="s">
        <v>123</v>
      </c>
      <c r="B63" s="17"/>
      <c r="C63" s="13">
        <v>3765</v>
      </c>
      <c r="D63" s="19">
        <v>1738</v>
      </c>
      <c r="E63" s="19">
        <v>2027</v>
      </c>
      <c r="F63" s="19"/>
      <c r="G63" s="18" t="s">
        <v>124</v>
      </c>
      <c r="H63" s="17"/>
      <c r="I63" s="13">
        <v>69</v>
      </c>
      <c r="J63" s="19">
        <v>13</v>
      </c>
      <c r="K63" s="19">
        <v>56</v>
      </c>
    </row>
    <row r="64" spans="1:11" ht="15" customHeight="1">
      <c r="A64" s="17" t="s">
        <v>125</v>
      </c>
      <c r="B64" s="17"/>
      <c r="C64" s="13">
        <v>3733</v>
      </c>
      <c r="D64" s="19">
        <v>1830</v>
      </c>
      <c r="E64" s="19">
        <v>1903</v>
      </c>
      <c r="F64" s="19"/>
      <c r="G64" s="18" t="s">
        <v>126</v>
      </c>
      <c r="H64" s="17"/>
      <c r="I64" s="13">
        <v>53</v>
      </c>
      <c r="J64" s="19">
        <v>11</v>
      </c>
      <c r="K64" s="19">
        <v>4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4</v>
      </c>
      <c r="J65" s="19">
        <v>19</v>
      </c>
      <c r="K65" s="19">
        <v>9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1176</v>
      </c>
      <c r="J66" s="29">
        <v>10749</v>
      </c>
      <c r="K66" s="29">
        <v>10427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7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0107</v>
      </c>
      <c r="D4" s="14">
        <v>87213</v>
      </c>
      <c r="E4" s="14">
        <v>9289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030</v>
      </c>
      <c r="D5" s="14">
        <v>3599</v>
      </c>
      <c r="E5" s="14">
        <v>3431</v>
      </c>
      <c r="F5" s="14"/>
      <c r="G5" s="18" t="s">
        <v>8</v>
      </c>
      <c r="H5" s="17"/>
      <c r="I5" s="13">
        <v>14493</v>
      </c>
      <c r="J5" s="14">
        <v>7310</v>
      </c>
      <c r="K5" s="14">
        <v>7183</v>
      </c>
    </row>
    <row r="6" spans="1:11" ht="15" customHeight="1">
      <c r="A6" s="17" t="s">
        <v>9</v>
      </c>
      <c r="B6" s="17"/>
      <c r="C6" s="13">
        <v>1310</v>
      </c>
      <c r="D6" s="19">
        <v>701</v>
      </c>
      <c r="E6" s="19">
        <v>609</v>
      </c>
      <c r="F6" s="19"/>
      <c r="G6" s="18" t="s">
        <v>10</v>
      </c>
      <c r="H6" s="17"/>
      <c r="I6" s="13">
        <v>3075</v>
      </c>
      <c r="J6" s="19">
        <v>1520</v>
      </c>
      <c r="K6" s="19">
        <v>1555</v>
      </c>
    </row>
    <row r="7" spans="1:11" ht="15" customHeight="1">
      <c r="A7" s="17" t="s">
        <v>11</v>
      </c>
      <c r="B7" s="17"/>
      <c r="C7" s="13">
        <v>1368</v>
      </c>
      <c r="D7" s="19">
        <v>668</v>
      </c>
      <c r="E7" s="19">
        <v>700</v>
      </c>
      <c r="F7" s="19"/>
      <c r="G7" s="18" t="s">
        <v>12</v>
      </c>
      <c r="H7" s="17"/>
      <c r="I7" s="13">
        <v>3087</v>
      </c>
      <c r="J7" s="19">
        <v>1572</v>
      </c>
      <c r="K7" s="19">
        <v>1515</v>
      </c>
    </row>
    <row r="8" spans="1:11" ht="15" customHeight="1">
      <c r="A8" s="17" t="s">
        <v>13</v>
      </c>
      <c r="B8" s="17"/>
      <c r="C8" s="13">
        <v>1368</v>
      </c>
      <c r="D8" s="19">
        <v>714</v>
      </c>
      <c r="E8" s="19">
        <v>654</v>
      </c>
      <c r="F8" s="19"/>
      <c r="G8" s="18" t="s">
        <v>14</v>
      </c>
      <c r="H8" s="17"/>
      <c r="I8" s="13">
        <v>3143</v>
      </c>
      <c r="J8" s="19">
        <v>1551</v>
      </c>
      <c r="K8" s="19">
        <v>1592</v>
      </c>
    </row>
    <row r="9" spans="1:11" ht="15" customHeight="1">
      <c r="A9" s="17" t="s">
        <v>15</v>
      </c>
      <c r="B9" s="17"/>
      <c r="C9" s="13">
        <v>1535</v>
      </c>
      <c r="D9" s="19">
        <v>782</v>
      </c>
      <c r="E9" s="19">
        <v>753</v>
      </c>
      <c r="F9" s="19"/>
      <c r="G9" s="18" t="s">
        <v>16</v>
      </c>
      <c r="H9" s="17"/>
      <c r="I9" s="13">
        <v>2267</v>
      </c>
      <c r="J9" s="19">
        <v>1141</v>
      </c>
      <c r="K9" s="19">
        <v>1126</v>
      </c>
    </row>
    <row r="10" spans="1:11" ht="15" customHeight="1">
      <c r="A10" s="17" t="s">
        <v>17</v>
      </c>
      <c r="B10" s="17"/>
      <c r="C10" s="13">
        <v>1449</v>
      </c>
      <c r="D10" s="19">
        <v>734</v>
      </c>
      <c r="E10" s="19">
        <v>715</v>
      </c>
      <c r="F10" s="19"/>
      <c r="G10" s="18" t="s">
        <v>18</v>
      </c>
      <c r="H10" s="17"/>
      <c r="I10" s="13">
        <v>2921</v>
      </c>
      <c r="J10" s="19">
        <v>1526</v>
      </c>
      <c r="K10" s="19">
        <v>1395</v>
      </c>
    </row>
    <row r="11" spans="1:11" ht="20.100000000000001" customHeight="1">
      <c r="A11" s="17" t="s">
        <v>19</v>
      </c>
      <c r="B11" s="17"/>
      <c r="C11" s="13">
        <v>7990</v>
      </c>
      <c r="D11" s="14">
        <v>4152</v>
      </c>
      <c r="E11" s="14">
        <v>3838</v>
      </c>
      <c r="F11" s="14"/>
      <c r="G11" s="18" t="s">
        <v>20</v>
      </c>
      <c r="H11" s="17"/>
      <c r="I11" s="13">
        <v>11538</v>
      </c>
      <c r="J11" s="14">
        <v>5835</v>
      </c>
      <c r="K11" s="14">
        <v>5703</v>
      </c>
    </row>
    <row r="12" spans="1:11" ht="15" customHeight="1">
      <c r="A12" s="17" t="s">
        <v>21</v>
      </c>
      <c r="B12" s="17"/>
      <c r="C12" s="13">
        <v>1552</v>
      </c>
      <c r="D12" s="19">
        <v>795</v>
      </c>
      <c r="E12" s="19">
        <v>757</v>
      </c>
      <c r="F12" s="19"/>
      <c r="G12" s="18" t="s">
        <v>22</v>
      </c>
      <c r="H12" s="17"/>
      <c r="I12" s="13">
        <v>2612</v>
      </c>
      <c r="J12" s="19">
        <v>1326</v>
      </c>
      <c r="K12" s="19">
        <v>1286</v>
      </c>
    </row>
    <row r="13" spans="1:11" ht="15" customHeight="1">
      <c r="A13" s="17" t="s">
        <v>23</v>
      </c>
      <c r="B13" s="17"/>
      <c r="C13" s="13">
        <v>1534</v>
      </c>
      <c r="D13" s="19">
        <v>815</v>
      </c>
      <c r="E13" s="19">
        <v>719</v>
      </c>
      <c r="F13" s="19"/>
      <c r="G13" s="18" t="s">
        <v>24</v>
      </c>
      <c r="H13" s="17"/>
      <c r="I13" s="13">
        <v>2445</v>
      </c>
      <c r="J13" s="19">
        <v>1245</v>
      </c>
      <c r="K13" s="19">
        <v>1200</v>
      </c>
    </row>
    <row r="14" spans="1:11" ht="15" customHeight="1">
      <c r="A14" s="17" t="s">
        <v>25</v>
      </c>
      <c r="B14" s="17"/>
      <c r="C14" s="13">
        <v>1591</v>
      </c>
      <c r="D14" s="19">
        <v>802</v>
      </c>
      <c r="E14" s="19">
        <v>789</v>
      </c>
      <c r="F14" s="19"/>
      <c r="G14" s="18" t="s">
        <v>26</v>
      </c>
      <c r="H14" s="17"/>
      <c r="I14" s="13">
        <v>2274</v>
      </c>
      <c r="J14" s="19">
        <v>1183</v>
      </c>
      <c r="K14" s="19">
        <v>1091</v>
      </c>
    </row>
    <row r="15" spans="1:11" ht="15" customHeight="1">
      <c r="A15" s="17" t="s">
        <v>27</v>
      </c>
      <c r="B15" s="17"/>
      <c r="C15" s="13">
        <v>1659</v>
      </c>
      <c r="D15" s="19">
        <v>887</v>
      </c>
      <c r="E15" s="19">
        <v>772</v>
      </c>
      <c r="F15" s="19"/>
      <c r="G15" s="18" t="s">
        <v>28</v>
      </c>
      <c r="H15" s="17"/>
      <c r="I15" s="13">
        <v>2132</v>
      </c>
      <c r="J15" s="19">
        <v>1038</v>
      </c>
      <c r="K15" s="19">
        <v>1094</v>
      </c>
    </row>
    <row r="16" spans="1:11" ht="15" customHeight="1">
      <c r="A16" s="17" t="s">
        <v>29</v>
      </c>
      <c r="B16" s="17"/>
      <c r="C16" s="13">
        <v>1654</v>
      </c>
      <c r="D16" s="19">
        <v>853</v>
      </c>
      <c r="E16" s="19">
        <v>801</v>
      </c>
      <c r="F16" s="19"/>
      <c r="G16" s="18" t="s">
        <v>30</v>
      </c>
      <c r="H16" s="17"/>
      <c r="I16" s="13">
        <v>2075</v>
      </c>
      <c r="J16" s="19">
        <v>1043</v>
      </c>
      <c r="K16" s="19">
        <v>1032</v>
      </c>
    </row>
    <row r="17" spans="1:11" ht="20.100000000000001" customHeight="1">
      <c r="A17" s="20" t="s">
        <v>31</v>
      </c>
      <c r="B17" s="20"/>
      <c r="C17" s="13">
        <v>8144</v>
      </c>
      <c r="D17" s="14">
        <v>4118</v>
      </c>
      <c r="E17" s="14">
        <v>4026</v>
      </c>
      <c r="F17" s="14"/>
      <c r="G17" s="18" t="s">
        <v>32</v>
      </c>
      <c r="H17" s="17"/>
      <c r="I17" s="13">
        <v>9513</v>
      </c>
      <c r="J17" s="14">
        <v>4667</v>
      </c>
      <c r="K17" s="14">
        <v>4846</v>
      </c>
    </row>
    <row r="18" spans="1:11" ht="15" customHeight="1">
      <c r="A18" s="17" t="s">
        <v>33</v>
      </c>
      <c r="B18" s="17"/>
      <c r="C18" s="13">
        <v>1676</v>
      </c>
      <c r="D18" s="19">
        <v>868</v>
      </c>
      <c r="E18" s="19">
        <v>808</v>
      </c>
      <c r="F18" s="19"/>
      <c r="G18" s="18" t="s">
        <v>34</v>
      </c>
      <c r="H18" s="17"/>
      <c r="I18" s="13">
        <v>2058</v>
      </c>
      <c r="J18" s="19">
        <v>1017</v>
      </c>
      <c r="K18" s="19">
        <v>1041</v>
      </c>
    </row>
    <row r="19" spans="1:11" ht="15" customHeight="1">
      <c r="A19" s="17" t="s">
        <v>35</v>
      </c>
      <c r="B19" s="17"/>
      <c r="C19" s="13">
        <v>1643</v>
      </c>
      <c r="D19" s="19">
        <v>806</v>
      </c>
      <c r="E19" s="19">
        <v>837</v>
      </c>
      <c r="F19" s="19"/>
      <c r="G19" s="18" t="s">
        <v>36</v>
      </c>
      <c r="H19" s="17"/>
      <c r="I19" s="13">
        <v>2005</v>
      </c>
      <c r="J19" s="19">
        <v>1005</v>
      </c>
      <c r="K19" s="19">
        <v>1000</v>
      </c>
    </row>
    <row r="20" spans="1:11" ht="15" customHeight="1">
      <c r="A20" s="17" t="s">
        <v>37</v>
      </c>
      <c r="B20" s="17"/>
      <c r="C20" s="13">
        <v>1625</v>
      </c>
      <c r="D20" s="19">
        <v>835</v>
      </c>
      <c r="E20" s="19">
        <v>790</v>
      </c>
      <c r="F20" s="19"/>
      <c r="G20" s="18" t="s">
        <v>38</v>
      </c>
      <c r="H20" s="17"/>
      <c r="I20" s="13">
        <v>1810</v>
      </c>
      <c r="J20" s="19">
        <v>866</v>
      </c>
      <c r="K20" s="19">
        <v>944</v>
      </c>
    </row>
    <row r="21" spans="1:11" ht="15" customHeight="1">
      <c r="A21" s="17" t="s">
        <v>39</v>
      </c>
      <c r="B21" s="17"/>
      <c r="C21" s="13">
        <v>1667</v>
      </c>
      <c r="D21" s="19">
        <v>818</v>
      </c>
      <c r="E21" s="19">
        <v>849</v>
      </c>
      <c r="F21" s="19"/>
      <c r="G21" s="18" t="s">
        <v>40</v>
      </c>
      <c r="H21" s="17"/>
      <c r="I21" s="13">
        <v>1854</v>
      </c>
      <c r="J21" s="19">
        <v>930</v>
      </c>
      <c r="K21" s="19">
        <v>924</v>
      </c>
    </row>
    <row r="22" spans="1:11" ht="15" customHeight="1">
      <c r="A22" s="17" t="s">
        <v>41</v>
      </c>
      <c r="B22" s="17"/>
      <c r="C22" s="13">
        <v>1533</v>
      </c>
      <c r="D22" s="19">
        <v>791</v>
      </c>
      <c r="E22" s="19">
        <v>742</v>
      </c>
      <c r="F22" s="19"/>
      <c r="G22" s="18" t="s">
        <v>42</v>
      </c>
      <c r="H22" s="17"/>
      <c r="I22" s="13">
        <v>1786</v>
      </c>
      <c r="J22" s="19">
        <v>849</v>
      </c>
      <c r="K22" s="19">
        <v>937</v>
      </c>
    </row>
    <row r="23" spans="1:11" ht="20.100000000000001" customHeight="1">
      <c r="A23" s="17" t="s">
        <v>43</v>
      </c>
      <c r="B23" s="17"/>
      <c r="C23" s="13">
        <v>8492</v>
      </c>
      <c r="D23" s="14">
        <v>4274</v>
      </c>
      <c r="E23" s="14">
        <v>4218</v>
      </c>
      <c r="F23" s="14"/>
      <c r="G23" s="18" t="s">
        <v>44</v>
      </c>
      <c r="H23" s="17"/>
      <c r="I23" s="13">
        <v>9395</v>
      </c>
      <c r="J23" s="14">
        <v>4445</v>
      </c>
      <c r="K23" s="14">
        <v>4950</v>
      </c>
    </row>
    <row r="24" spans="1:11" ht="15" customHeight="1">
      <c r="A24" s="17" t="s">
        <v>45</v>
      </c>
      <c r="B24" s="17"/>
      <c r="C24" s="13">
        <v>1622</v>
      </c>
      <c r="D24" s="19">
        <v>826</v>
      </c>
      <c r="E24" s="19">
        <v>796</v>
      </c>
      <c r="F24" s="19"/>
      <c r="G24" s="18" t="s">
        <v>46</v>
      </c>
      <c r="H24" s="17"/>
      <c r="I24" s="13">
        <v>1749</v>
      </c>
      <c r="J24" s="19">
        <v>861</v>
      </c>
      <c r="K24" s="19">
        <v>888</v>
      </c>
    </row>
    <row r="25" spans="1:11" ht="15" customHeight="1">
      <c r="A25" s="17" t="s">
        <v>47</v>
      </c>
      <c r="B25" s="17"/>
      <c r="C25" s="13">
        <v>1636</v>
      </c>
      <c r="D25" s="19">
        <v>806</v>
      </c>
      <c r="E25" s="19">
        <v>830</v>
      </c>
      <c r="F25" s="19"/>
      <c r="G25" s="18" t="s">
        <v>48</v>
      </c>
      <c r="H25" s="17"/>
      <c r="I25" s="13">
        <v>1756</v>
      </c>
      <c r="J25" s="19">
        <v>835</v>
      </c>
      <c r="K25" s="19">
        <v>921</v>
      </c>
    </row>
    <row r="26" spans="1:11" ht="15" customHeight="1">
      <c r="A26" s="17" t="s">
        <v>49</v>
      </c>
      <c r="B26" s="17"/>
      <c r="C26" s="13">
        <v>1666</v>
      </c>
      <c r="D26" s="19">
        <v>825</v>
      </c>
      <c r="E26" s="19">
        <v>841</v>
      </c>
      <c r="F26" s="19"/>
      <c r="G26" s="18" t="s">
        <v>50</v>
      </c>
      <c r="H26" s="17"/>
      <c r="I26" s="13">
        <v>1947</v>
      </c>
      <c r="J26" s="19">
        <v>940</v>
      </c>
      <c r="K26" s="19">
        <v>1007</v>
      </c>
    </row>
    <row r="27" spans="1:11" ht="15" customHeight="1">
      <c r="A27" s="17" t="s">
        <v>51</v>
      </c>
      <c r="B27" s="17"/>
      <c r="C27" s="13">
        <v>1688</v>
      </c>
      <c r="D27" s="19">
        <v>835</v>
      </c>
      <c r="E27" s="19">
        <v>853</v>
      </c>
      <c r="F27" s="19"/>
      <c r="G27" s="18" t="s">
        <v>52</v>
      </c>
      <c r="H27" s="17"/>
      <c r="I27" s="13">
        <v>1917</v>
      </c>
      <c r="J27" s="19">
        <v>872</v>
      </c>
      <c r="K27" s="19">
        <v>1045</v>
      </c>
    </row>
    <row r="28" spans="1:11" ht="15" customHeight="1">
      <c r="A28" s="17" t="s">
        <v>53</v>
      </c>
      <c r="B28" s="17"/>
      <c r="C28" s="13">
        <v>1880</v>
      </c>
      <c r="D28" s="19">
        <v>982</v>
      </c>
      <c r="E28" s="19">
        <v>898</v>
      </c>
      <c r="F28" s="19"/>
      <c r="G28" s="18" t="s">
        <v>54</v>
      </c>
      <c r="H28" s="17"/>
      <c r="I28" s="13">
        <v>2026</v>
      </c>
      <c r="J28" s="19">
        <v>937</v>
      </c>
      <c r="K28" s="19">
        <v>1089</v>
      </c>
    </row>
    <row r="29" spans="1:11" ht="20.100000000000001" customHeight="1">
      <c r="A29" s="17" t="s">
        <v>55</v>
      </c>
      <c r="B29" s="17"/>
      <c r="C29" s="13">
        <v>10965</v>
      </c>
      <c r="D29" s="14">
        <v>5294</v>
      </c>
      <c r="E29" s="14">
        <v>5671</v>
      </c>
      <c r="F29" s="14"/>
      <c r="G29" s="18" t="s">
        <v>56</v>
      </c>
      <c r="H29" s="17"/>
      <c r="I29" s="13">
        <v>10493</v>
      </c>
      <c r="J29" s="14">
        <v>4841</v>
      </c>
      <c r="K29" s="14">
        <v>5652</v>
      </c>
    </row>
    <row r="30" spans="1:11" ht="15" customHeight="1">
      <c r="A30" s="17" t="s">
        <v>57</v>
      </c>
      <c r="B30" s="17"/>
      <c r="C30" s="13">
        <v>1890</v>
      </c>
      <c r="D30" s="19">
        <v>944</v>
      </c>
      <c r="E30" s="19">
        <v>946</v>
      </c>
      <c r="F30" s="19"/>
      <c r="G30" s="18" t="s">
        <v>58</v>
      </c>
      <c r="H30" s="17"/>
      <c r="I30" s="13">
        <v>2425</v>
      </c>
      <c r="J30" s="19">
        <v>1110</v>
      </c>
      <c r="K30" s="19">
        <v>1315</v>
      </c>
    </row>
    <row r="31" spans="1:11" ht="15" customHeight="1">
      <c r="A31" s="17" t="s">
        <v>59</v>
      </c>
      <c r="B31" s="17"/>
      <c r="C31" s="13">
        <v>2038</v>
      </c>
      <c r="D31" s="19">
        <v>1001</v>
      </c>
      <c r="E31" s="19">
        <v>1037</v>
      </c>
      <c r="F31" s="19"/>
      <c r="G31" s="18" t="s">
        <v>60</v>
      </c>
      <c r="H31" s="17"/>
      <c r="I31" s="13">
        <v>2493</v>
      </c>
      <c r="J31" s="19">
        <v>1202</v>
      </c>
      <c r="K31" s="19">
        <v>1291</v>
      </c>
    </row>
    <row r="32" spans="1:11" ht="15" customHeight="1">
      <c r="A32" s="17" t="s">
        <v>61</v>
      </c>
      <c r="B32" s="17"/>
      <c r="C32" s="13">
        <v>2216</v>
      </c>
      <c r="D32" s="19">
        <v>1085</v>
      </c>
      <c r="E32" s="19">
        <v>1131</v>
      </c>
      <c r="F32" s="19"/>
      <c r="G32" s="18" t="s">
        <v>62</v>
      </c>
      <c r="H32" s="17"/>
      <c r="I32" s="13">
        <v>2379</v>
      </c>
      <c r="J32" s="19">
        <v>1077</v>
      </c>
      <c r="K32" s="19">
        <v>1302</v>
      </c>
    </row>
    <row r="33" spans="1:11" ht="15" customHeight="1">
      <c r="A33" s="17" t="s">
        <v>63</v>
      </c>
      <c r="B33" s="17"/>
      <c r="C33" s="13">
        <v>2449</v>
      </c>
      <c r="D33" s="19">
        <v>1111</v>
      </c>
      <c r="E33" s="19">
        <v>1338</v>
      </c>
      <c r="F33" s="19"/>
      <c r="G33" s="18" t="s">
        <v>64</v>
      </c>
      <c r="H33" s="17"/>
      <c r="I33" s="13">
        <v>1701</v>
      </c>
      <c r="J33" s="19">
        <v>771</v>
      </c>
      <c r="K33" s="19">
        <v>930</v>
      </c>
    </row>
    <row r="34" spans="1:11" ht="15" customHeight="1">
      <c r="A34" s="17" t="s">
        <v>65</v>
      </c>
      <c r="B34" s="17"/>
      <c r="C34" s="13">
        <v>2372</v>
      </c>
      <c r="D34" s="19">
        <v>1153</v>
      </c>
      <c r="E34" s="19">
        <v>1219</v>
      </c>
      <c r="F34" s="19"/>
      <c r="G34" s="18" t="s">
        <v>66</v>
      </c>
      <c r="H34" s="17"/>
      <c r="I34" s="13">
        <v>1495</v>
      </c>
      <c r="J34" s="19">
        <v>681</v>
      </c>
      <c r="K34" s="19">
        <v>814</v>
      </c>
    </row>
    <row r="35" spans="1:11" ht="20.100000000000001" customHeight="1">
      <c r="A35" s="17" t="s">
        <v>67</v>
      </c>
      <c r="B35" s="17"/>
      <c r="C35" s="13">
        <v>9806</v>
      </c>
      <c r="D35" s="14">
        <v>4640</v>
      </c>
      <c r="E35" s="14">
        <v>5166</v>
      </c>
      <c r="F35" s="14"/>
      <c r="G35" s="18" t="s">
        <v>68</v>
      </c>
      <c r="H35" s="17"/>
      <c r="I35" s="13">
        <v>8661</v>
      </c>
      <c r="J35" s="14">
        <v>3982</v>
      </c>
      <c r="K35" s="14">
        <v>4679</v>
      </c>
    </row>
    <row r="36" spans="1:11" ht="15" customHeight="1">
      <c r="A36" s="17" t="s">
        <v>69</v>
      </c>
      <c r="B36" s="17"/>
      <c r="C36" s="13">
        <v>2308</v>
      </c>
      <c r="D36" s="19">
        <v>1061</v>
      </c>
      <c r="E36" s="19">
        <v>1247</v>
      </c>
      <c r="F36" s="19"/>
      <c r="G36" s="18" t="s">
        <v>70</v>
      </c>
      <c r="H36" s="17"/>
      <c r="I36" s="13">
        <v>1758</v>
      </c>
      <c r="J36" s="19">
        <v>805</v>
      </c>
      <c r="K36" s="19">
        <v>953</v>
      </c>
    </row>
    <row r="37" spans="1:11" ht="15" customHeight="1">
      <c r="A37" s="17" t="s">
        <v>71</v>
      </c>
      <c r="B37" s="17"/>
      <c r="C37" s="13">
        <v>2049</v>
      </c>
      <c r="D37" s="19">
        <v>981</v>
      </c>
      <c r="E37" s="19">
        <v>1068</v>
      </c>
      <c r="F37" s="19"/>
      <c r="G37" s="18" t="s">
        <v>72</v>
      </c>
      <c r="H37" s="17"/>
      <c r="I37" s="13">
        <v>1868</v>
      </c>
      <c r="J37" s="19">
        <v>869</v>
      </c>
      <c r="K37" s="19">
        <v>999</v>
      </c>
    </row>
    <row r="38" spans="1:11" ht="15" customHeight="1">
      <c r="A38" s="17" t="s">
        <v>73</v>
      </c>
      <c r="B38" s="17"/>
      <c r="C38" s="13">
        <v>1857</v>
      </c>
      <c r="D38" s="19">
        <v>908</v>
      </c>
      <c r="E38" s="19">
        <v>949</v>
      </c>
      <c r="F38" s="19"/>
      <c r="G38" s="18" t="s">
        <v>74</v>
      </c>
      <c r="H38" s="17"/>
      <c r="I38" s="13">
        <v>1737</v>
      </c>
      <c r="J38" s="19">
        <v>775</v>
      </c>
      <c r="K38" s="19">
        <v>962</v>
      </c>
    </row>
    <row r="39" spans="1:11" ht="15" customHeight="1">
      <c r="A39" s="17" t="s">
        <v>75</v>
      </c>
      <c r="B39" s="17"/>
      <c r="C39" s="13">
        <v>1845</v>
      </c>
      <c r="D39" s="19">
        <v>861</v>
      </c>
      <c r="E39" s="19">
        <v>984</v>
      </c>
      <c r="F39" s="19"/>
      <c r="G39" s="18" t="s">
        <v>76</v>
      </c>
      <c r="H39" s="17"/>
      <c r="I39" s="13">
        <v>1770</v>
      </c>
      <c r="J39" s="19">
        <v>824</v>
      </c>
      <c r="K39" s="19">
        <v>946</v>
      </c>
    </row>
    <row r="40" spans="1:11" ht="15" customHeight="1">
      <c r="A40" s="17" t="s">
        <v>77</v>
      </c>
      <c r="B40" s="17"/>
      <c r="C40" s="13">
        <v>1747</v>
      </c>
      <c r="D40" s="19">
        <v>829</v>
      </c>
      <c r="E40" s="19">
        <v>918</v>
      </c>
      <c r="F40" s="19"/>
      <c r="G40" s="18" t="s">
        <v>78</v>
      </c>
      <c r="H40" s="17"/>
      <c r="I40" s="13">
        <v>1528</v>
      </c>
      <c r="J40" s="19">
        <v>709</v>
      </c>
      <c r="K40" s="19">
        <v>819</v>
      </c>
    </row>
    <row r="41" spans="1:11" ht="20.100000000000001" customHeight="1">
      <c r="A41" s="17" t="s">
        <v>79</v>
      </c>
      <c r="B41" s="17"/>
      <c r="C41" s="13">
        <v>9089</v>
      </c>
      <c r="D41" s="14">
        <v>4480</v>
      </c>
      <c r="E41" s="14">
        <v>4609</v>
      </c>
      <c r="F41" s="14"/>
      <c r="G41" s="18" t="s">
        <v>80</v>
      </c>
      <c r="H41" s="17"/>
      <c r="I41" s="13">
        <v>6347</v>
      </c>
      <c r="J41" s="14">
        <v>2763</v>
      </c>
      <c r="K41" s="14">
        <v>3584</v>
      </c>
    </row>
    <row r="42" spans="1:11" ht="15" customHeight="1">
      <c r="A42" s="17" t="s">
        <v>81</v>
      </c>
      <c r="B42" s="17"/>
      <c r="C42" s="13">
        <v>1788</v>
      </c>
      <c r="D42" s="19">
        <v>879</v>
      </c>
      <c r="E42" s="19">
        <v>909</v>
      </c>
      <c r="F42" s="19"/>
      <c r="G42" s="18" t="s">
        <v>82</v>
      </c>
      <c r="H42" s="17"/>
      <c r="I42" s="13">
        <v>1352</v>
      </c>
      <c r="J42" s="19">
        <v>603</v>
      </c>
      <c r="K42" s="19">
        <v>749</v>
      </c>
    </row>
    <row r="43" spans="1:11" ht="15" customHeight="1">
      <c r="A43" s="17" t="s">
        <v>83</v>
      </c>
      <c r="B43" s="17"/>
      <c r="C43" s="13">
        <v>1734</v>
      </c>
      <c r="D43" s="19">
        <v>853</v>
      </c>
      <c r="E43" s="19">
        <v>881</v>
      </c>
      <c r="F43" s="19"/>
      <c r="G43" s="18" t="s">
        <v>84</v>
      </c>
      <c r="H43" s="17"/>
      <c r="I43" s="13">
        <v>1281</v>
      </c>
      <c r="J43" s="19">
        <v>588</v>
      </c>
      <c r="K43" s="19">
        <v>693</v>
      </c>
    </row>
    <row r="44" spans="1:11" ht="15" customHeight="1">
      <c r="A44" s="17" t="s">
        <v>85</v>
      </c>
      <c r="B44" s="17"/>
      <c r="C44" s="13">
        <v>1811</v>
      </c>
      <c r="D44" s="19">
        <v>886</v>
      </c>
      <c r="E44" s="19">
        <v>925</v>
      </c>
      <c r="F44" s="19"/>
      <c r="G44" s="18" t="s">
        <v>86</v>
      </c>
      <c r="H44" s="17"/>
      <c r="I44" s="13">
        <v>1335</v>
      </c>
      <c r="J44" s="19">
        <v>586</v>
      </c>
      <c r="K44" s="19">
        <v>749</v>
      </c>
    </row>
    <row r="45" spans="1:11" ht="15" customHeight="1">
      <c r="A45" s="17" t="s">
        <v>87</v>
      </c>
      <c r="B45" s="17"/>
      <c r="C45" s="13">
        <v>1828</v>
      </c>
      <c r="D45" s="19">
        <v>927</v>
      </c>
      <c r="E45" s="19">
        <v>901</v>
      </c>
      <c r="F45" s="19"/>
      <c r="G45" s="18" t="s">
        <v>88</v>
      </c>
      <c r="H45" s="17"/>
      <c r="I45" s="13">
        <v>1209</v>
      </c>
      <c r="J45" s="19">
        <v>507</v>
      </c>
      <c r="K45" s="19">
        <v>702</v>
      </c>
    </row>
    <row r="46" spans="1:11" ht="15" customHeight="1">
      <c r="A46" s="17" t="s">
        <v>89</v>
      </c>
      <c r="B46" s="17"/>
      <c r="C46" s="13">
        <v>1928</v>
      </c>
      <c r="D46" s="19">
        <v>935</v>
      </c>
      <c r="E46" s="19">
        <v>993</v>
      </c>
      <c r="F46" s="19"/>
      <c r="G46" s="18" t="s">
        <v>90</v>
      </c>
      <c r="H46" s="17"/>
      <c r="I46" s="13">
        <v>1170</v>
      </c>
      <c r="J46" s="19">
        <v>479</v>
      </c>
      <c r="K46" s="19">
        <v>691</v>
      </c>
    </row>
    <row r="47" spans="1:11" ht="20.100000000000001" customHeight="1">
      <c r="A47" s="17" t="s">
        <v>91</v>
      </c>
      <c r="B47" s="17"/>
      <c r="C47" s="13">
        <v>10817</v>
      </c>
      <c r="D47" s="14">
        <v>5357</v>
      </c>
      <c r="E47" s="14">
        <v>5460</v>
      </c>
      <c r="F47" s="14"/>
      <c r="G47" s="18" t="s">
        <v>92</v>
      </c>
      <c r="H47" s="17"/>
      <c r="I47" s="13">
        <v>4370</v>
      </c>
      <c r="J47" s="14">
        <v>1677</v>
      </c>
      <c r="K47" s="14">
        <v>2693</v>
      </c>
    </row>
    <row r="48" spans="1:11" ht="15" customHeight="1">
      <c r="A48" s="17" t="s">
        <v>93</v>
      </c>
      <c r="B48" s="17"/>
      <c r="C48" s="13">
        <v>2090</v>
      </c>
      <c r="D48" s="19">
        <v>1082</v>
      </c>
      <c r="E48" s="19">
        <v>1008</v>
      </c>
      <c r="F48" s="19"/>
      <c r="G48" s="18" t="s">
        <v>94</v>
      </c>
      <c r="H48" s="17"/>
      <c r="I48" s="13">
        <v>974</v>
      </c>
      <c r="J48" s="19">
        <v>400</v>
      </c>
      <c r="K48" s="19">
        <v>574</v>
      </c>
    </row>
    <row r="49" spans="1:11" ht="15" customHeight="1">
      <c r="A49" s="17" t="s">
        <v>95</v>
      </c>
      <c r="B49" s="17"/>
      <c r="C49" s="13">
        <v>2166</v>
      </c>
      <c r="D49" s="19">
        <v>1033</v>
      </c>
      <c r="E49" s="19">
        <v>1133</v>
      </c>
      <c r="F49" s="19"/>
      <c r="G49" s="18" t="s">
        <v>96</v>
      </c>
      <c r="H49" s="17"/>
      <c r="I49" s="13">
        <v>1012</v>
      </c>
      <c r="J49" s="19">
        <v>413</v>
      </c>
      <c r="K49" s="19">
        <v>599</v>
      </c>
    </row>
    <row r="50" spans="1:11" ht="15" customHeight="1">
      <c r="A50" s="17" t="s">
        <v>97</v>
      </c>
      <c r="B50" s="17"/>
      <c r="C50" s="13">
        <v>2117</v>
      </c>
      <c r="D50" s="19">
        <v>1047</v>
      </c>
      <c r="E50" s="19">
        <v>1070</v>
      </c>
      <c r="F50" s="19"/>
      <c r="G50" s="18" t="s">
        <v>98</v>
      </c>
      <c r="H50" s="17"/>
      <c r="I50" s="13">
        <v>905</v>
      </c>
      <c r="J50" s="19">
        <v>327</v>
      </c>
      <c r="K50" s="19">
        <v>578</v>
      </c>
    </row>
    <row r="51" spans="1:11" ht="15" customHeight="1">
      <c r="A51" s="17" t="s">
        <v>99</v>
      </c>
      <c r="B51" s="17"/>
      <c r="C51" s="13">
        <v>2206</v>
      </c>
      <c r="D51" s="19">
        <v>1081</v>
      </c>
      <c r="E51" s="19">
        <v>1125</v>
      </c>
      <c r="F51" s="19"/>
      <c r="G51" s="18" t="s">
        <v>100</v>
      </c>
      <c r="H51" s="17"/>
      <c r="I51" s="13">
        <v>800</v>
      </c>
      <c r="J51" s="19">
        <v>304</v>
      </c>
      <c r="K51" s="19">
        <v>496</v>
      </c>
    </row>
    <row r="52" spans="1:11" ht="15" customHeight="1">
      <c r="A52" s="17" t="s">
        <v>101</v>
      </c>
      <c r="B52" s="17"/>
      <c r="C52" s="13">
        <v>2238</v>
      </c>
      <c r="D52" s="19">
        <v>1114</v>
      </c>
      <c r="E52" s="19">
        <v>1124</v>
      </c>
      <c r="F52" s="19"/>
      <c r="G52" s="18" t="s">
        <v>102</v>
      </c>
      <c r="H52" s="17"/>
      <c r="I52" s="13">
        <v>679</v>
      </c>
      <c r="J52" s="19">
        <v>233</v>
      </c>
      <c r="K52" s="19">
        <v>446</v>
      </c>
    </row>
    <row r="53" spans="1:11" ht="20.100000000000001" customHeight="1">
      <c r="A53" s="17" t="s">
        <v>103</v>
      </c>
      <c r="B53" s="17"/>
      <c r="C53" s="13">
        <v>13317</v>
      </c>
      <c r="D53" s="14">
        <v>6615</v>
      </c>
      <c r="E53" s="14">
        <v>6702</v>
      </c>
      <c r="F53" s="14"/>
      <c r="G53" s="18" t="s">
        <v>104</v>
      </c>
      <c r="H53" s="17"/>
      <c r="I53" s="13">
        <v>2103</v>
      </c>
      <c r="J53" s="14">
        <v>677</v>
      </c>
      <c r="K53" s="14">
        <v>1426</v>
      </c>
    </row>
    <row r="54" spans="1:11" ht="15" customHeight="1">
      <c r="A54" s="17" t="s">
        <v>105</v>
      </c>
      <c r="B54" s="17"/>
      <c r="C54" s="13">
        <v>2459</v>
      </c>
      <c r="D54" s="19">
        <v>1234</v>
      </c>
      <c r="E54" s="19">
        <v>1225</v>
      </c>
      <c r="F54" s="19"/>
      <c r="G54" s="18" t="s">
        <v>106</v>
      </c>
      <c r="H54" s="17"/>
      <c r="I54" s="13">
        <v>559</v>
      </c>
      <c r="J54" s="19">
        <v>210</v>
      </c>
      <c r="K54" s="19">
        <v>349</v>
      </c>
    </row>
    <row r="55" spans="1:11" ht="15" customHeight="1">
      <c r="A55" s="17" t="s">
        <v>107</v>
      </c>
      <c r="B55" s="17"/>
      <c r="C55" s="13">
        <v>2568</v>
      </c>
      <c r="D55" s="19">
        <v>1261</v>
      </c>
      <c r="E55" s="19">
        <v>1307</v>
      </c>
      <c r="F55" s="19"/>
      <c r="G55" s="18" t="s">
        <v>108</v>
      </c>
      <c r="H55" s="17"/>
      <c r="I55" s="13">
        <v>538</v>
      </c>
      <c r="J55" s="19">
        <v>151</v>
      </c>
      <c r="K55" s="19">
        <v>387</v>
      </c>
    </row>
    <row r="56" spans="1:11" ht="15" customHeight="1">
      <c r="A56" s="17" t="s">
        <v>109</v>
      </c>
      <c r="B56" s="17"/>
      <c r="C56" s="13">
        <v>2692</v>
      </c>
      <c r="D56" s="19">
        <v>1348</v>
      </c>
      <c r="E56" s="19">
        <v>1344</v>
      </c>
      <c r="F56" s="19"/>
      <c r="G56" s="18" t="s">
        <v>110</v>
      </c>
      <c r="H56" s="17"/>
      <c r="I56" s="13">
        <v>410</v>
      </c>
      <c r="J56" s="19">
        <v>109</v>
      </c>
      <c r="K56" s="19">
        <v>301</v>
      </c>
    </row>
    <row r="57" spans="1:11" ht="15" customHeight="1">
      <c r="A57" s="17" t="s">
        <v>111</v>
      </c>
      <c r="B57" s="17"/>
      <c r="C57" s="13">
        <v>2676</v>
      </c>
      <c r="D57" s="19">
        <v>1316</v>
      </c>
      <c r="E57" s="19">
        <v>1360</v>
      </c>
      <c r="F57" s="19"/>
      <c r="G57" s="18" t="s">
        <v>112</v>
      </c>
      <c r="H57" s="17"/>
      <c r="I57" s="13">
        <v>321</v>
      </c>
      <c r="J57" s="19">
        <v>122</v>
      </c>
      <c r="K57" s="19">
        <v>199</v>
      </c>
    </row>
    <row r="58" spans="1:11" ht="15" customHeight="1">
      <c r="A58" s="17" t="s">
        <v>113</v>
      </c>
      <c r="B58" s="17"/>
      <c r="C58" s="13">
        <v>2922</v>
      </c>
      <c r="D58" s="19">
        <v>1456</v>
      </c>
      <c r="E58" s="19">
        <v>1466</v>
      </c>
      <c r="F58" s="19"/>
      <c r="G58" s="18" t="s">
        <v>114</v>
      </c>
      <c r="H58" s="17"/>
      <c r="I58" s="13">
        <v>275</v>
      </c>
      <c r="J58" s="19">
        <v>85</v>
      </c>
      <c r="K58" s="19">
        <v>190</v>
      </c>
    </row>
    <row r="59" spans="1:11" ht="20.100000000000001" customHeight="1">
      <c r="A59" s="17" t="s">
        <v>115</v>
      </c>
      <c r="B59" s="17"/>
      <c r="C59" s="13">
        <v>15403</v>
      </c>
      <c r="D59" s="14">
        <v>7539</v>
      </c>
      <c r="E59" s="14">
        <v>7864</v>
      </c>
      <c r="F59" s="14"/>
      <c r="G59" s="18" t="s">
        <v>116</v>
      </c>
      <c r="H59" s="17"/>
      <c r="I59" s="13">
        <v>664</v>
      </c>
      <c r="J59" s="14">
        <v>135</v>
      </c>
      <c r="K59" s="14">
        <v>529</v>
      </c>
    </row>
    <row r="60" spans="1:11" ht="15" customHeight="1">
      <c r="A60" s="17" t="s">
        <v>117</v>
      </c>
      <c r="B60" s="17"/>
      <c r="C60" s="13">
        <v>2925</v>
      </c>
      <c r="D60" s="19">
        <v>1443</v>
      </c>
      <c r="E60" s="19">
        <v>1482</v>
      </c>
      <c r="F60" s="19"/>
      <c r="G60" s="18" t="s">
        <v>118</v>
      </c>
      <c r="H60" s="17"/>
      <c r="I60" s="13">
        <v>226</v>
      </c>
      <c r="J60" s="19">
        <v>59</v>
      </c>
      <c r="K60" s="19">
        <v>167</v>
      </c>
    </row>
    <row r="61" spans="1:11" ht="15" customHeight="1">
      <c r="A61" s="17" t="s">
        <v>119</v>
      </c>
      <c r="B61" s="17"/>
      <c r="C61" s="13">
        <v>3124</v>
      </c>
      <c r="D61" s="19">
        <v>1553</v>
      </c>
      <c r="E61" s="19">
        <v>1571</v>
      </c>
      <c r="F61" s="19"/>
      <c r="G61" s="18" t="s">
        <v>120</v>
      </c>
      <c r="H61" s="17"/>
      <c r="I61" s="13">
        <v>180</v>
      </c>
      <c r="J61" s="19">
        <v>31</v>
      </c>
      <c r="K61" s="19">
        <v>149</v>
      </c>
    </row>
    <row r="62" spans="1:11" ht="15" customHeight="1">
      <c r="A62" s="17" t="s">
        <v>121</v>
      </c>
      <c r="B62" s="17"/>
      <c r="C62" s="13">
        <v>3164</v>
      </c>
      <c r="D62" s="19">
        <v>1539</v>
      </c>
      <c r="E62" s="19">
        <v>1625</v>
      </c>
      <c r="F62" s="19"/>
      <c r="G62" s="18" t="s">
        <v>122</v>
      </c>
      <c r="H62" s="17"/>
      <c r="I62" s="13">
        <v>132</v>
      </c>
      <c r="J62" s="19">
        <v>31</v>
      </c>
      <c r="K62" s="19">
        <v>101</v>
      </c>
    </row>
    <row r="63" spans="1:11" ht="15" customHeight="1">
      <c r="A63" s="17" t="s">
        <v>123</v>
      </c>
      <c r="B63" s="17"/>
      <c r="C63" s="13">
        <v>3127</v>
      </c>
      <c r="D63" s="19">
        <v>1510</v>
      </c>
      <c r="E63" s="19">
        <v>1617</v>
      </c>
      <c r="F63" s="19"/>
      <c r="G63" s="18" t="s">
        <v>124</v>
      </c>
      <c r="H63" s="17"/>
      <c r="I63" s="13">
        <v>76</v>
      </c>
      <c r="J63" s="19">
        <v>5</v>
      </c>
      <c r="K63" s="19">
        <v>71</v>
      </c>
    </row>
    <row r="64" spans="1:11" ht="15" customHeight="1">
      <c r="A64" s="17" t="s">
        <v>125</v>
      </c>
      <c r="B64" s="17"/>
      <c r="C64" s="13">
        <v>3063</v>
      </c>
      <c r="D64" s="19">
        <v>1494</v>
      </c>
      <c r="E64" s="19">
        <v>1569</v>
      </c>
      <c r="F64" s="19"/>
      <c r="G64" s="18" t="s">
        <v>126</v>
      </c>
      <c r="H64" s="17"/>
      <c r="I64" s="13">
        <v>50</v>
      </c>
      <c r="J64" s="19">
        <v>9</v>
      </c>
      <c r="K64" s="19">
        <v>4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0</v>
      </c>
      <c r="J65" s="19">
        <v>16</v>
      </c>
      <c r="K65" s="19">
        <v>11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347</v>
      </c>
      <c r="J66" s="29">
        <v>797</v>
      </c>
      <c r="K66" s="29">
        <v>55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6" t="s">
        <v>129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96219</v>
      </c>
      <c r="D4" s="14">
        <v>339004</v>
      </c>
      <c r="E4" s="14">
        <v>35721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2040</v>
      </c>
      <c r="D5" s="14">
        <v>11412</v>
      </c>
      <c r="E5" s="14">
        <v>10628</v>
      </c>
      <c r="F5" s="14"/>
      <c r="G5" s="18" t="s">
        <v>8</v>
      </c>
      <c r="H5" s="17"/>
      <c r="I5" s="13">
        <v>51666</v>
      </c>
      <c r="J5" s="14">
        <v>26217</v>
      </c>
      <c r="K5" s="14">
        <v>25449</v>
      </c>
    </row>
    <row r="6" spans="1:11" ht="15" customHeight="1">
      <c r="A6" s="17" t="s">
        <v>9</v>
      </c>
      <c r="B6" s="17"/>
      <c r="C6" s="13">
        <v>3926</v>
      </c>
      <c r="D6" s="19">
        <v>2028</v>
      </c>
      <c r="E6" s="19">
        <v>1898</v>
      </c>
      <c r="F6" s="19"/>
      <c r="G6" s="18" t="s">
        <v>10</v>
      </c>
      <c r="H6" s="17"/>
      <c r="I6" s="13">
        <v>10978</v>
      </c>
      <c r="J6" s="19">
        <v>5561</v>
      </c>
      <c r="K6" s="19">
        <v>5417</v>
      </c>
    </row>
    <row r="7" spans="1:11" ht="15" customHeight="1">
      <c r="A7" s="17" t="s">
        <v>11</v>
      </c>
      <c r="B7" s="17"/>
      <c r="C7" s="13">
        <v>4165</v>
      </c>
      <c r="D7" s="19">
        <v>2139</v>
      </c>
      <c r="E7" s="19">
        <v>2026</v>
      </c>
      <c r="F7" s="19"/>
      <c r="G7" s="18" t="s">
        <v>12</v>
      </c>
      <c r="H7" s="17"/>
      <c r="I7" s="13">
        <v>11041</v>
      </c>
      <c r="J7" s="19">
        <v>5583</v>
      </c>
      <c r="K7" s="19">
        <v>5458</v>
      </c>
    </row>
    <row r="8" spans="1:11" ht="15" customHeight="1">
      <c r="A8" s="17" t="s">
        <v>13</v>
      </c>
      <c r="B8" s="17"/>
      <c r="C8" s="13">
        <v>4380</v>
      </c>
      <c r="D8" s="19">
        <v>2261</v>
      </c>
      <c r="E8" s="19">
        <v>2119</v>
      </c>
      <c r="F8" s="19"/>
      <c r="G8" s="18" t="s">
        <v>14</v>
      </c>
      <c r="H8" s="17"/>
      <c r="I8" s="13">
        <v>11206</v>
      </c>
      <c r="J8" s="19">
        <v>5715</v>
      </c>
      <c r="K8" s="19">
        <v>5491</v>
      </c>
    </row>
    <row r="9" spans="1:11" ht="15" customHeight="1">
      <c r="A9" s="17" t="s">
        <v>15</v>
      </c>
      <c r="B9" s="17"/>
      <c r="C9" s="13">
        <v>4803</v>
      </c>
      <c r="D9" s="19">
        <v>2534</v>
      </c>
      <c r="E9" s="19">
        <v>2269</v>
      </c>
      <c r="F9" s="19"/>
      <c r="G9" s="18" t="s">
        <v>16</v>
      </c>
      <c r="H9" s="17"/>
      <c r="I9" s="13">
        <v>8188</v>
      </c>
      <c r="J9" s="19">
        <v>4199</v>
      </c>
      <c r="K9" s="19">
        <v>3989</v>
      </c>
    </row>
    <row r="10" spans="1:11" ht="15" customHeight="1">
      <c r="A10" s="17" t="s">
        <v>17</v>
      </c>
      <c r="B10" s="17"/>
      <c r="C10" s="13">
        <v>4766</v>
      </c>
      <c r="D10" s="19">
        <v>2450</v>
      </c>
      <c r="E10" s="19">
        <v>2316</v>
      </c>
      <c r="F10" s="19"/>
      <c r="G10" s="18" t="s">
        <v>18</v>
      </c>
      <c r="H10" s="17"/>
      <c r="I10" s="13">
        <v>10253</v>
      </c>
      <c r="J10" s="19">
        <v>5159</v>
      </c>
      <c r="K10" s="19">
        <v>5094</v>
      </c>
    </row>
    <row r="11" spans="1:11" ht="20.100000000000001" customHeight="1">
      <c r="A11" s="17" t="s">
        <v>19</v>
      </c>
      <c r="B11" s="17"/>
      <c r="C11" s="13">
        <v>25549</v>
      </c>
      <c r="D11" s="14">
        <v>13022</v>
      </c>
      <c r="E11" s="14">
        <v>12527</v>
      </c>
      <c r="F11" s="14"/>
      <c r="G11" s="18" t="s">
        <v>20</v>
      </c>
      <c r="H11" s="17"/>
      <c r="I11" s="13">
        <v>43977</v>
      </c>
      <c r="J11" s="14">
        <v>22172</v>
      </c>
      <c r="K11" s="14">
        <v>21805</v>
      </c>
    </row>
    <row r="12" spans="1:11" ht="15" customHeight="1">
      <c r="A12" s="17" t="s">
        <v>21</v>
      </c>
      <c r="B12" s="17"/>
      <c r="C12" s="13">
        <v>4672</v>
      </c>
      <c r="D12" s="19">
        <v>2347</v>
      </c>
      <c r="E12" s="19">
        <v>2325</v>
      </c>
      <c r="F12" s="19"/>
      <c r="G12" s="18" t="s">
        <v>22</v>
      </c>
      <c r="H12" s="17"/>
      <c r="I12" s="13">
        <v>9430</v>
      </c>
      <c r="J12" s="19">
        <v>4782</v>
      </c>
      <c r="K12" s="19">
        <v>4648</v>
      </c>
    </row>
    <row r="13" spans="1:11" ht="15" customHeight="1">
      <c r="A13" s="17" t="s">
        <v>23</v>
      </c>
      <c r="B13" s="17"/>
      <c r="C13" s="13">
        <v>5014</v>
      </c>
      <c r="D13" s="19">
        <v>2535</v>
      </c>
      <c r="E13" s="19">
        <v>2479</v>
      </c>
      <c r="F13" s="19"/>
      <c r="G13" s="18" t="s">
        <v>24</v>
      </c>
      <c r="H13" s="17"/>
      <c r="I13" s="13">
        <v>9143</v>
      </c>
      <c r="J13" s="19">
        <v>4622</v>
      </c>
      <c r="K13" s="19">
        <v>4521</v>
      </c>
    </row>
    <row r="14" spans="1:11" ht="15" customHeight="1">
      <c r="A14" s="17" t="s">
        <v>25</v>
      </c>
      <c r="B14" s="17"/>
      <c r="C14" s="13">
        <v>5047</v>
      </c>
      <c r="D14" s="19">
        <v>2591</v>
      </c>
      <c r="E14" s="19">
        <v>2456</v>
      </c>
      <c r="F14" s="19"/>
      <c r="G14" s="18" t="s">
        <v>26</v>
      </c>
      <c r="H14" s="17"/>
      <c r="I14" s="13">
        <v>8627</v>
      </c>
      <c r="J14" s="19">
        <v>4406</v>
      </c>
      <c r="K14" s="19">
        <v>4221</v>
      </c>
    </row>
    <row r="15" spans="1:11" ht="15" customHeight="1">
      <c r="A15" s="17" t="s">
        <v>27</v>
      </c>
      <c r="B15" s="17"/>
      <c r="C15" s="13">
        <v>5339</v>
      </c>
      <c r="D15" s="19">
        <v>2752</v>
      </c>
      <c r="E15" s="19">
        <v>2587</v>
      </c>
      <c r="F15" s="19"/>
      <c r="G15" s="18" t="s">
        <v>28</v>
      </c>
      <c r="H15" s="17"/>
      <c r="I15" s="13">
        <v>8486</v>
      </c>
      <c r="J15" s="19">
        <v>4259</v>
      </c>
      <c r="K15" s="19">
        <v>4227</v>
      </c>
    </row>
    <row r="16" spans="1:11" ht="15" customHeight="1">
      <c r="A16" s="17" t="s">
        <v>29</v>
      </c>
      <c r="B16" s="17"/>
      <c r="C16" s="13">
        <v>5477</v>
      </c>
      <c r="D16" s="19">
        <v>2797</v>
      </c>
      <c r="E16" s="19">
        <v>2680</v>
      </c>
      <c r="F16" s="19"/>
      <c r="G16" s="18" t="s">
        <v>30</v>
      </c>
      <c r="H16" s="17"/>
      <c r="I16" s="13">
        <v>8291</v>
      </c>
      <c r="J16" s="19">
        <v>4103</v>
      </c>
      <c r="K16" s="19">
        <v>4188</v>
      </c>
    </row>
    <row r="17" spans="1:11" ht="20.100000000000001" customHeight="1">
      <c r="A17" s="20" t="s">
        <v>31</v>
      </c>
      <c r="B17" s="20"/>
      <c r="C17" s="13">
        <v>28142</v>
      </c>
      <c r="D17" s="14">
        <v>14270</v>
      </c>
      <c r="E17" s="14">
        <v>13872</v>
      </c>
      <c r="F17" s="14"/>
      <c r="G17" s="18" t="s">
        <v>32</v>
      </c>
      <c r="H17" s="17"/>
      <c r="I17" s="13">
        <v>39560</v>
      </c>
      <c r="J17" s="14">
        <v>19584</v>
      </c>
      <c r="K17" s="14">
        <v>19976</v>
      </c>
    </row>
    <row r="18" spans="1:11" ht="15" customHeight="1">
      <c r="A18" s="17" t="s">
        <v>33</v>
      </c>
      <c r="B18" s="17"/>
      <c r="C18" s="13">
        <v>5389</v>
      </c>
      <c r="D18" s="19">
        <v>2709</v>
      </c>
      <c r="E18" s="19">
        <v>2680</v>
      </c>
      <c r="F18" s="19"/>
      <c r="G18" s="18" t="s">
        <v>34</v>
      </c>
      <c r="H18" s="17"/>
      <c r="I18" s="13">
        <v>8132</v>
      </c>
      <c r="J18" s="19">
        <v>4128</v>
      </c>
      <c r="K18" s="19">
        <v>4004</v>
      </c>
    </row>
    <row r="19" spans="1:11" ht="15" customHeight="1">
      <c r="A19" s="17" t="s">
        <v>35</v>
      </c>
      <c r="B19" s="17"/>
      <c r="C19" s="13">
        <v>5600</v>
      </c>
      <c r="D19" s="19">
        <v>2876</v>
      </c>
      <c r="E19" s="19">
        <v>2724</v>
      </c>
      <c r="F19" s="19"/>
      <c r="G19" s="18" t="s">
        <v>36</v>
      </c>
      <c r="H19" s="17"/>
      <c r="I19" s="13">
        <v>8054</v>
      </c>
      <c r="J19" s="19">
        <v>4024</v>
      </c>
      <c r="K19" s="19">
        <v>4030</v>
      </c>
    </row>
    <row r="20" spans="1:11" ht="15" customHeight="1">
      <c r="A20" s="17" t="s">
        <v>37</v>
      </c>
      <c r="B20" s="17"/>
      <c r="C20" s="13">
        <v>5723</v>
      </c>
      <c r="D20" s="19">
        <v>2896</v>
      </c>
      <c r="E20" s="19">
        <v>2827</v>
      </c>
      <c r="F20" s="19"/>
      <c r="G20" s="18" t="s">
        <v>38</v>
      </c>
      <c r="H20" s="17"/>
      <c r="I20" s="13">
        <v>7516</v>
      </c>
      <c r="J20" s="19">
        <v>3768</v>
      </c>
      <c r="K20" s="19">
        <v>3748</v>
      </c>
    </row>
    <row r="21" spans="1:11" ht="15" customHeight="1">
      <c r="A21" s="17" t="s">
        <v>39</v>
      </c>
      <c r="B21" s="17"/>
      <c r="C21" s="13">
        <v>5766</v>
      </c>
      <c r="D21" s="19">
        <v>2952</v>
      </c>
      <c r="E21" s="19">
        <v>2814</v>
      </c>
      <c r="F21" s="19"/>
      <c r="G21" s="18" t="s">
        <v>40</v>
      </c>
      <c r="H21" s="17"/>
      <c r="I21" s="13">
        <v>7756</v>
      </c>
      <c r="J21" s="19">
        <v>3786</v>
      </c>
      <c r="K21" s="19">
        <v>3970</v>
      </c>
    </row>
    <row r="22" spans="1:11" ht="15" customHeight="1">
      <c r="A22" s="17" t="s">
        <v>41</v>
      </c>
      <c r="B22" s="17"/>
      <c r="C22" s="13">
        <v>5664</v>
      </c>
      <c r="D22" s="19">
        <v>2837</v>
      </c>
      <c r="E22" s="19">
        <v>2827</v>
      </c>
      <c r="F22" s="19"/>
      <c r="G22" s="18" t="s">
        <v>42</v>
      </c>
      <c r="H22" s="17"/>
      <c r="I22" s="13">
        <v>8102</v>
      </c>
      <c r="J22" s="19">
        <v>3878</v>
      </c>
      <c r="K22" s="19">
        <v>4224</v>
      </c>
    </row>
    <row r="23" spans="1:11" ht="20.100000000000001" customHeight="1">
      <c r="A23" s="17" t="s">
        <v>43</v>
      </c>
      <c r="B23" s="17"/>
      <c r="C23" s="13">
        <v>33681</v>
      </c>
      <c r="D23" s="14">
        <v>18157</v>
      </c>
      <c r="E23" s="14">
        <v>15524</v>
      </c>
      <c r="F23" s="14"/>
      <c r="G23" s="18" t="s">
        <v>44</v>
      </c>
      <c r="H23" s="17"/>
      <c r="I23" s="13">
        <v>46459</v>
      </c>
      <c r="J23" s="14">
        <v>22302</v>
      </c>
      <c r="K23" s="14">
        <v>24157</v>
      </c>
    </row>
    <row r="24" spans="1:11" ht="15" customHeight="1">
      <c r="A24" s="17" t="s">
        <v>45</v>
      </c>
      <c r="B24" s="17"/>
      <c r="C24" s="13">
        <v>6231</v>
      </c>
      <c r="D24" s="19">
        <v>3343</v>
      </c>
      <c r="E24" s="19">
        <v>2888</v>
      </c>
      <c r="F24" s="19"/>
      <c r="G24" s="18" t="s">
        <v>46</v>
      </c>
      <c r="H24" s="17"/>
      <c r="I24" s="13">
        <v>8234</v>
      </c>
      <c r="J24" s="19">
        <v>4035</v>
      </c>
      <c r="K24" s="19">
        <v>4199</v>
      </c>
    </row>
    <row r="25" spans="1:11" ht="15" customHeight="1">
      <c r="A25" s="17" t="s">
        <v>47</v>
      </c>
      <c r="B25" s="17"/>
      <c r="C25" s="13">
        <v>6594</v>
      </c>
      <c r="D25" s="19">
        <v>3558</v>
      </c>
      <c r="E25" s="19">
        <v>3036</v>
      </c>
      <c r="F25" s="19"/>
      <c r="G25" s="18" t="s">
        <v>48</v>
      </c>
      <c r="H25" s="17"/>
      <c r="I25" s="13">
        <v>8562</v>
      </c>
      <c r="J25" s="19">
        <v>4147</v>
      </c>
      <c r="K25" s="19">
        <v>4415</v>
      </c>
    </row>
    <row r="26" spans="1:11" ht="15" customHeight="1">
      <c r="A26" s="17" t="s">
        <v>49</v>
      </c>
      <c r="B26" s="17"/>
      <c r="C26" s="13">
        <v>6480</v>
      </c>
      <c r="D26" s="19">
        <v>3419</v>
      </c>
      <c r="E26" s="19">
        <v>3061</v>
      </c>
      <c r="F26" s="19"/>
      <c r="G26" s="18" t="s">
        <v>50</v>
      </c>
      <c r="H26" s="17"/>
      <c r="I26" s="13">
        <v>9200</v>
      </c>
      <c r="J26" s="19">
        <v>4390</v>
      </c>
      <c r="K26" s="19">
        <v>4810</v>
      </c>
    </row>
    <row r="27" spans="1:11" ht="15" customHeight="1">
      <c r="A27" s="17" t="s">
        <v>51</v>
      </c>
      <c r="B27" s="17"/>
      <c r="C27" s="13">
        <v>7078</v>
      </c>
      <c r="D27" s="19">
        <v>3951</v>
      </c>
      <c r="E27" s="19">
        <v>3127</v>
      </c>
      <c r="F27" s="19"/>
      <c r="G27" s="18" t="s">
        <v>52</v>
      </c>
      <c r="H27" s="17"/>
      <c r="I27" s="13">
        <v>9880</v>
      </c>
      <c r="J27" s="19">
        <v>4671</v>
      </c>
      <c r="K27" s="19">
        <v>5209</v>
      </c>
    </row>
    <row r="28" spans="1:11" ht="15" customHeight="1">
      <c r="A28" s="17" t="s">
        <v>53</v>
      </c>
      <c r="B28" s="17"/>
      <c r="C28" s="13">
        <v>7298</v>
      </c>
      <c r="D28" s="19">
        <v>3886</v>
      </c>
      <c r="E28" s="19">
        <v>3412</v>
      </c>
      <c r="F28" s="19"/>
      <c r="G28" s="18" t="s">
        <v>54</v>
      </c>
      <c r="H28" s="17"/>
      <c r="I28" s="13">
        <v>10583</v>
      </c>
      <c r="J28" s="19">
        <v>5059</v>
      </c>
      <c r="K28" s="19">
        <v>5524</v>
      </c>
    </row>
    <row r="29" spans="1:11" ht="20.100000000000001" customHeight="1">
      <c r="A29" s="17" t="s">
        <v>55</v>
      </c>
      <c r="B29" s="17"/>
      <c r="C29" s="13">
        <v>31815</v>
      </c>
      <c r="D29" s="14">
        <v>16970</v>
      </c>
      <c r="E29" s="14">
        <v>14845</v>
      </c>
      <c r="F29" s="14"/>
      <c r="G29" s="18" t="s">
        <v>56</v>
      </c>
      <c r="H29" s="17"/>
      <c r="I29" s="13">
        <v>54719</v>
      </c>
      <c r="J29" s="14">
        <v>25104</v>
      </c>
      <c r="K29" s="14">
        <v>29615</v>
      </c>
    </row>
    <row r="30" spans="1:11" ht="15" customHeight="1">
      <c r="A30" s="17" t="s">
        <v>57</v>
      </c>
      <c r="B30" s="17"/>
      <c r="C30" s="13">
        <v>6989</v>
      </c>
      <c r="D30" s="19">
        <v>3840</v>
      </c>
      <c r="E30" s="19">
        <v>3149</v>
      </c>
      <c r="F30" s="19"/>
      <c r="G30" s="18" t="s">
        <v>58</v>
      </c>
      <c r="H30" s="17"/>
      <c r="I30" s="13">
        <v>12546</v>
      </c>
      <c r="J30" s="19">
        <v>5911</v>
      </c>
      <c r="K30" s="19">
        <v>6635</v>
      </c>
    </row>
    <row r="31" spans="1:11" ht="15" customHeight="1">
      <c r="A31" s="17" t="s">
        <v>59</v>
      </c>
      <c r="B31" s="17"/>
      <c r="C31" s="13">
        <v>7072</v>
      </c>
      <c r="D31" s="19">
        <v>3844</v>
      </c>
      <c r="E31" s="19">
        <v>3228</v>
      </c>
      <c r="F31" s="19"/>
      <c r="G31" s="18" t="s">
        <v>60</v>
      </c>
      <c r="H31" s="17"/>
      <c r="I31" s="13">
        <v>12397</v>
      </c>
      <c r="J31" s="19">
        <v>5708</v>
      </c>
      <c r="K31" s="19">
        <v>6689</v>
      </c>
    </row>
    <row r="32" spans="1:11" ht="15" customHeight="1">
      <c r="A32" s="17" t="s">
        <v>61</v>
      </c>
      <c r="B32" s="17"/>
      <c r="C32" s="13">
        <v>6089</v>
      </c>
      <c r="D32" s="19">
        <v>3173</v>
      </c>
      <c r="E32" s="19">
        <v>2916</v>
      </c>
      <c r="F32" s="19"/>
      <c r="G32" s="18" t="s">
        <v>62</v>
      </c>
      <c r="H32" s="17"/>
      <c r="I32" s="13">
        <v>12970</v>
      </c>
      <c r="J32" s="19">
        <v>6007</v>
      </c>
      <c r="K32" s="19">
        <v>6963</v>
      </c>
    </row>
    <row r="33" spans="1:11" ht="15" customHeight="1">
      <c r="A33" s="17" t="s">
        <v>63</v>
      </c>
      <c r="B33" s="17"/>
      <c r="C33" s="13">
        <v>6028</v>
      </c>
      <c r="D33" s="19">
        <v>3165</v>
      </c>
      <c r="E33" s="19">
        <v>2863</v>
      </c>
      <c r="F33" s="19"/>
      <c r="G33" s="18" t="s">
        <v>64</v>
      </c>
      <c r="H33" s="17"/>
      <c r="I33" s="13">
        <v>8939</v>
      </c>
      <c r="J33" s="19">
        <v>4000</v>
      </c>
      <c r="K33" s="19">
        <v>4939</v>
      </c>
    </row>
    <row r="34" spans="1:11" ht="15" customHeight="1">
      <c r="A34" s="17" t="s">
        <v>65</v>
      </c>
      <c r="B34" s="17"/>
      <c r="C34" s="13">
        <v>5637</v>
      </c>
      <c r="D34" s="19">
        <v>2948</v>
      </c>
      <c r="E34" s="19">
        <v>2689</v>
      </c>
      <c r="F34" s="19"/>
      <c r="G34" s="18" t="s">
        <v>66</v>
      </c>
      <c r="H34" s="17"/>
      <c r="I34" s="13">
        <v>7867</v>
      </c>
      <c r="J34" s="19">
        <v>3478</v>
      </c>
      <c r="K34" s="19">
        <v>4389</v>
      </c>
    </row>
    <row r="35" spans="1:11" ht="20.100000000000001" customHeight="1">
      <c r="A35" s="17" t="s">
        <v>67</v>
      </c>
      <c r="B35" s="17"/>
      <c r="C35" s="13">
        <v>27041</v>
      </c>
      <c r="D35" s="14">
        <v>14238</v>
      </c>
      <c r="E35" s="14">
        <v>12803</v>
      </c>
      <c r="F35" s="14"/>
      <c r="G35" s="18" t="s">
        <v>68</v>
      </c>
      <c r="H35" s="17"/>
      <c r="I35" s="13">
        <v>48861</v>
      </c>
      <c r="J35" s="14">
        <v>21699</v>
      </c>
      <c r="K35" s="14">
        <v>27162</v>
      </c>
    </row>
    <row r="36" spans="1:11" ht="15" customHeight="1">
      <c r="A36" s="17" t="s">
        <v>69</v>
      </c>
      <c r="B36" s="17"/>
      <c r="C36" s="13">
        <v>5571</v>
      </c>
      <c r="D36" s="19">
        <v>2858</v>
      </c>
      <c r="E36" s="19">
        <v>2713</v>
      </c>
      <c r="F36" s="19"/>
      <c r="G36" s="18" t="s">
        <v>70</v>
      </c>
      <c r="H36" s="17"/>
      <c r="I36" s="13">
        <v>9914</v>
      </c>
      <c r="J36" s="19">
        <v>4395</v>
      </c>
      <c r="K36" s="19">
        <v>5519</v>
      </c>
    </row>
    <row r="37" spans="1:11" ht="15" customHeight="1">
      <c r="A37" s="17" t="s">
        <v>71</v>
      </c>
      <c r="B37" s="17"/>
      <c r="C37" s="13">
        <v>5622</v>
      </c>
      <c r="D37" s="19">
        <v>3039</v>
      </c>
      <c r="E37" s="19">
        <v>2583</v>
      </c>
      <c r="F37" s="19"/>
      <c r="G37" s="18" t="s">
        <v>72</v>
      </c>
      <c r="H37" s="17"/>
      <c r="I37" s="13">
        <v>10365</v>
      </c>
      <c r="J37" s="19">
        <v>4653</v>
      </c>
      <c r="K37" s="19">
        <v>5712</v>
      </c>
    </row>
    <row r="38" spans="1:11" ht="15" customHeight="1">
      <c r="A38" s="17" t="s">
        <v>73</v>
      </c>
      <c r="B38" s="17"/>
      <c r="C38" s="13">
        <v>5247</v>
      </c>
      <c r="D38" s="19">
        <v>2794</v>
      </c>
      <c r="E38" s="19">
        <v>2453</v>
      </c>
      <c r="F38" s="19"/>
      <c r="G38" s="18" t="s">
        <v>74</v>
      </c>
      <c r="H38" s="17"/>
      <c r="I38" s="13">
        <v>9926</v>
      </c>
      <c r="J38" s="19">
        <v>4491</v>
      </c>
      <c r="K38" s="19">
        <v>5435</v>
      </c>
    </row>
    <row r="39" spans="1:11" ht="15" customHeight="1">
      <c r="A39" s="17" t="s">
        <v>75</v>
      </c>
      <c r="B39" s="17"/>
      <c r="C39" s="13">
        <v>5339</v>
      </c>
      <c r="D39" s="19">
        <v>2809</v>
      </c>
      <c r="E39" s="19">
        <v>2530</v>
      </c>
      <c r="F39" s="19"/>
      <c r="G39" s="18" t="s">
        <v>76</v>
      </c>
      <c r="H39" s="17"/>
      <c r="I39" s="13">
        <v>9956</v>
      </c>
      <c r="J39" s="19">
        <v>4388</v>
      </c>
      <c r="K39" s="19">
        <v>5568</v>
      </c>
    </row>
    <row r="40" spans="1:11" ht="15" customHeight="1">
      <c r="A40" s="17" t="s">
        <v>77</v>
      </c>
      <c r="B40" s="17"/>
      <c r="C40" s="13">
        <v>5262</v>
      </c>
      <c r="D40" s="19">
        <v>2738</v>
      </c>
      <c r="E40" s="19">
        <v>2524</v>
      </c>
      <c r="F40" s="19"/>
      <c r="G40" s="18" t="s">
        <v>78</v>
      </c>
      <c r="H40" s="17"/>
      <c r="I40" s="13">
        <v>8700</v>
      </c>
      <c r="J40" s="19">
        <v>3772</v>
      </c>
      <c r="K40" s="19">
        <v>4928</v>
      </c>
    </row>
    <row r="41" spans="1:11" ht="20.100000000000001" customHeight="1">
      <c r="A41" s="17" t="s">
        <v>79</v>
      </c>
      <c r="B41" s="17"/>
      <c r="C41" s="13">
        <v>29374</v>
      </c>
      <c r="D41" s="14">
        <v>15242</v>
      </c>
      <c r="E41" s="14">
        <v>14132</v>
      </c>
      <c r="F41" s="14"/>
      <c r="G41" s="18" t="s">
        <v>80</v>
      </c>
      <c r="H41" s="17"/>
      <c r="I41" s="13">
        <v>35177</v>
      </c>
      <c r="J41" s="14">
        <v>14989</v>
      </c>
      <c r="K41" s="14">
        <v>20188</v>
      </c>
    </row>
    <row r="42" spans="1:11" ht="15" customHeight="1">
      <c r="A42" s="17" t="s">
        <v>81</v>
      </c>
      <c r="B42" s="17"/>
      <c r="C42" s="13">
        <v>5501</v>
      </c>
      <c r="D42" s="19">
        <v>2876</v>
      </c>
      <c r="E42" s="19">
        <v>2625</v>
      </c>
      <c r="F42" s="19"/>
      <c r="G42" s="18" t="s">
        <v>82</v>
      </c>
      <c r="H42" s="17"/>
      <c r="I42" s="13">
        <v>7536</v>
      </c>
      <c r="J42" s="19">
        <v>3307</v>
      </c>
      <c r="K42" s="19">
        <v>4229</v>
      </c>
    </row>
    <row r="43" spans="1:11" ht="15" customHeight="1">
      <c r="A43" s="17" t="s">
        <v>83</v>
      </c>
      <c r="B43" s="17"/>
      <c r="C43" s="13">
        <v>5789</v>
      </c>
      <c r="D43" s="19">
        <v>3059</v>
      </c>
      <c r="E43" s="19">
        <v>2730</v>
      </c>
      <c r="F43" s="19"/>
      <c r="G43" s="18" t="s">
        <v>84</v>
      </c>
      <c r="H43" s="17"/>
      <c r="I43" s="13">
        <v>6880</v>
      </c>
      <c r="J43" s="19">
        <v>2957</v>
      </c>
      <c r="K43" s="19">
        <v>3923</v>
      </c>
    </row>
    <row r="44" spans="1:11" ht="15" customHeight="1">
      <c r="A44" s="17" t="s">
        <v>85</v>
      </c>
      <c r="B44" s="17"/>
      <c r="C44" s="13">
        <v>5882</v>
      </c>
      <c r="D44" s="19">
        <v>3051</v>
      </c>
      <c r="E44" s="19">
        <v>2831</v>
      </c>
      <c r="F44" s="19"/>
      <c r="G44" s="18" t="s">
        <v>86</v>
      </c>
      <c r="H44" s="17"/>
      <c r="I44" s="13">
        <v>7349</v>
      </c>
      <c r="J44" s="19">
        <v>3161</v>
      </c>
      <c r="K44" s="19">
        <v>4188</v>
      </c>
    </row>
    <row r="45" spans="1:11" ht="15" customHeight="1">
      <c r="A45" s="17" t="s">
        <v>87</v>
      </c>
      <c r="B45" s="17"/>
      <c r="C45" s="13">
        <v>5943</v>
      </c>
      <c r="D45" s="19">
        <v>3087</v>
      </c>
      <c r="E45" s="19">
        <v>2856</v>
      </c>
      <c r="F45" s="19"/>
      <c r="G45" s="18" t="s">
        <v>88</v>
      </c>
      <c r="H45" s="17"/>
      <c r="I45" s="13">
        <v>6664</v>
      </c>
      <c r="J45" s="19">
        <v>2778</v>
      </c>
      <c r="K45" s="19">
        <v>3886</v>
      </c>
    </row>
    <row r="46" spans="1:11" ht="15" customHeight="1">
      <c r="A46" s="17" t="s">
        <v>89</v>
      </c>
      <c r="B46" s="17"/>
      <c r="C46" s="13">
        <v>6259</v>
      </c>
      <c r="D46" s="19">
        <v>3169</v>
      </c>
      <c r="E46" s="19">
        <v>3090</v>
      </c>
      <c r="F46" s="19"/>
      <c r="G46" s="18" t="s">
        <v>90</v>
      </c>
      <c r="H46" s="17"/>
      <c r="I46" s="13">
        <v>6748</v>
      </c>
      <c r="J46" s="19">
        <v>2786</v>
      </c>
      <c r="K46" s="19">
        <v>3962</v>
      </c>
    </row>
    <row r="47" spans="1:11" ht="20.100000000000001" customHeight="1">
      <c r="A47" s="17" t="s">
        <v>91</v>
      </c>
      <c r="B47" s="17"/>
      <c r="C47" s="13">
        <v>35030</v>
      </c>
      <c r="D47" s="14">
        <v>17665</v>
      </c>
      <c r="E47" s="14">
        <v>17365</v>
      </c>
      <c r="F47" s="14"/>
      <c r="G47" s="18" t="s">
        <v>92</v>
      </c>
      <c r="H47" s="17"/>
      <c r="I47" s="13">
        <v>23240</v>
      </c>
      <c r="J47" s="14">
        <v>8809</v>
      </c>
      <c r="K47" s="14">
        <v>14431</v>
      </c>
    </row>
    <row r="48" spans="1:11" ht="15" customHeight="1">
      <c r="A48" s="17" t="s">
        <v>93</v>
      </c>
      <c r="B48" s="17"/>
      <c r="C48" s="13">
        <v>6545</v>
      </c>
      <c r="D48" s="19">
        <v>3358</v>
      </c>
      <c r="E48" s="19">
        <v>3187</v>
      </c>
      <c r="F48" s="19"/>
      <c r="G48" s="18" t="s">
        <v>94</v>
      </c>
      <c r="H48" s="17"/>
      <c r="I48" s="13">
        <v>5624</v>
      </c>
      <c r="J48" s="19">
        <v>2249</v>
      </c>
      <c r="K48" s="19">
        <v>3375</v>
      </c>
    </row>
    <row r="49" spans="1:11" ht="15" customHeight="1">
      <c r="A49" s="17" t="s">
        <v>95</v>
      </c>
      <c r="B49" s="17"/>
      <c r="C49" s="13">
        <v>6888</v>
      </c>
      <c r="D49" s="19">
        <v>3481</v>
      </c>
      <c r="E49" s="19">
        <v>3407</v>
      </c>
      <c r="F49" s="19"/>
      <c r="G49" s="18" t="s">
        <v>96</v>
      </c>
      <c r="H49" s="17"/>
      <c r="I49" s="13">
        <v>5414</v>
      </c>
      <c r="J49" s="19">
        <v>2148</v>
      </c>
      <c r="K49" s="19">
        <v>3266</v>
      </c>
    </row>
    <row r="50" spans="1:11" ht="15" customHeight="1">
      <c r="A50" s="17" t="s">
        <v>97</v>
      </c>
      <c r="B50" s="17"/>
      <c r="C50" s="13">
        <v>6996</v>
      </c>
      <c r="D50" s="19">
        <v>3599</v>
      </c>
      <c r="E50" s="19">
        <v>3397</v>
      </c>
      <c r="F50" s="19"/>
      <c r="G50" s="18" t="s">
        <v>98</v>
      </c>
      <c r="H50" s="17"/>
      <c r="I50" s="13">
        <v>4593</v>
      </c>
      <c r="J50" s="19">
        <v>1734</v>
      </c>
      <c r="K50" s="19">
        <v>2859</v>
      </c>
    </row>
    <row r="51" spans="1:11" ht="15" customHeight="1">
      <c r="A51" s="17" t="s">
        <v>99</v>
      </c>
      <c r="B51" s="17"/>
      <c r="C51" s="13">
        <v>7048</v>
      </c>
      <c r="D51" s="19">
        <v>3513</v>
      </c>
      <c r="E51" s="19">
        <v>3535</v>
      </c>
      <c r="F51" s="19"/>
      <c r="G51" s="18" t="s">
        <v>100</v>
      </c>
      <c r="H51" s="17"/>
      <c r="I51" s="13">
        <v>4036</v>
      </c>
      <c r="J51" s="19">
        <v>1411</v>
      </c>
      <c r="K51" s="19">
        <v>2625</v>
      </c>
    </row>
    <row r="52" spans="1:11" ht="15" customHeight="1">
      <c r="A52" s="17" t="s">
        <v>101</v>
      </c>
      <c r="B52" s="17"/>
      <c r="C52" s="13">
        <v>7553</v>
      </c>
      <c r="D52" s="19">
        <v>3714</v>
      </c>
      <c r="E52" s="19">
        <v>3839</v>
      </c>
      <c r="F52" s="19"/>
      <c r="G52" s="18" t="s">
        <v>102</v>
      </c>
      <c r="H52" s="17"/>
      <c r="I52" s="13">
        <v>3573</v>
      </c>
      <c r="J52" s="19">
        <v>1267</v>
      </c>
      <c r="K52" s="19">
        <v>2306</v>
      </c>
    </row>
    <row r="53" spans="1:11" ht="20.100000000000001" customHeight="1">
      <c r="A53" s="17" t="s">
        <v>103</v>
      </c>
      <c r="B53" s="17"/>
      <c r="C53" s="13">
        <v>45307</v>
      </c>
      <c r="D53" s="14">
        <v>22816</v>
      </c>
      <c r="E53" s="14">
        <v>22491</v>
      </c>
      <c r="F53" s="14"/>
      <c r="G53" s="18" t="s">
        <v>104</v>
      </c>
      <c r="H53" s="17"/>
      <c r="I53" s="13">
        <v>10934</v>
      </c>
      <c r="J53" s="14">
        <v>3201</v>
      </c>
      <c r="K53" s="14">
        <v>7733</v>
      </c>
    </row>
    <row r="54" spans="1:11" ht="15" customHeight="1">
      <c r="A54" s="17" t="s">
        <v>105</v>
      </c>
      <c r="B54" s="17"/>
      <c r="C54" s="13">
        <v>8133</v>
      </c>
      <c r="D54" s="19">
        <v>4120</v>
      </c>
      <c r="E54" s="19">
        <v>4013</v>
      </c>
      <c r="F54" s="19"/>
      <c r="G54" s="18" t="s">
        <v>106</v>
      </c>
      <c r="H54" s="17"/>
      <c r="I54" s="13">
        <v>2947</v>
      </c>
      <c r="J54" s="19">
        <v>903</v>
      </c>
      <c r="K54" s="19">
        <v>2044</v>
      </c>
    </row>
    <row r="55" spans="1:11" ht="15" customHeight="1">
      <c r="A55" s="17" t="s">
        <v>107</v>
      </c>
      <c r="B55" s="17"/>
      <c r="C55" s="13">
        <v>8484</v>
      </c>
      <c r="D55" s="19">
        <v>4229</v>
      </c>
      <c r="E55" s="19">
        <v>4255</v>
      </c>
      <c r="F55" s="19"/>
      <c r="G55" s="18" t="s">
        <v>108</v>
      </c>
      <c r="H55" s="17"/>
      <c r="I55" s="13">
        <v>2602</v>
      </c>
      <c r="J55" s="19">
        <v>774</v>
      </c>
      <c r="K55" s="19">
        <v>1828</v>
      </c>
    </row>
    <row r="56" spans="1:11" ht="15" customHeight="1">
      <c r="A56" s="17" t="s">
        <v>109</v>
      </c>
      <c r="B56" s="17"/>
      <c r="C56" s="13">
        <v>8983</v>
      </c>
      <c r="D56" s="19">
        <v>4553</v>
      </c>
      <c r="E56" s="19">
        <v>4430</v>
      </c>
      <c r="F56" s="19"/>
      <c r="G56" s="18" t="s">
        <v>110</v>
      </c>
      <c r="H56" s="17"/>
      <c r="I56" s="13">
        <v>2240</v>
      </c>
      <c r="J56" s="19">
        <v>651</v>
      </c>
      <c r="K56" s="19">
        <v>1589</v>
      </c>
    </row>
    <row r="57" spans="1:11" ht="15" customHeight="1">
      <c r="A57" s="17" t="s">
        <v>111</v>
      </c>
      <c r="B57" s="17"/>
      <c r="C57" s="13">
        <v>9604</v>
      </c>
      <c r="D57" s="19">
        <v>4833</v>
      </c>
      <c r="E57" s="19">
        <v>4771</v>
      </c>
      <c r="F57" s="19"/>
      <c r="G57" s="18" t="s">
        <v>112</v>
      </c>
      <c r="H57" s="17"/>
      <c r="I57" s="13">
        <v>1680</v>
      </c>
      <c r="J57" s="19">
        <v>512</v>
      </c>
      <c r="K57" s="19">
        <v>1168</v>
      </c>
    </row>
    <row r="58" spans="1:11" ht="15" customHeight="1">
      <c r="A58" s="17" t="s">
        <v>113</v>
      </c>
      <c r="B58" s="17"/>
      <c r="C58" s="13">
        <v>10103</v>
      </c>
      <c r="D58" s="19">
        <v>5081</v>
      </c>
      <c r="E58" s="19">
        <v>5022</v>
      </c>
      <c r="F58" s="19"/>
      <c r="G58" s="18" t="s">
        <v>114</v>
      </c>
      <c r="H58" s="17"/>
      <c r="I58" s="13">
        <v>1465</v>
      </c>
      <c r="J58" s="19">
        <v>361</v>
      </c>
      <c r="K58" s="19">
        <v>1104</v>
      </c>
    </row>
    <row r="59" spans="1:11" ht="20.100000000000001" customHeight="1">
      <c r="A59" s="17" t="s">
        <v>115</v>
      </c>
      <c r="B59" s="17"/>
      <c r="C59" s="13">
        <v>57242</v>
      </c>
      <c r="D59" s="14">
        <v>28761</v>
      </c>
      <c r="E59" s="14">
        <v>28481</v>
      </c>
      <c r="F59" s="14"/>
      <c r="G59" s="18" t="s">
        <v>116</v>
      </c>
      <c r="H59" s="17"/>
      <c r="I59" s="13">
        <v>3096</v>
      </c>
      <c r="J59" s="14">
        <v>657</v>
      </c>
      <c r="K59" s="14">
        <v>2439</v>
      </c>
    </row>
    <row r="60" spans="1:11" ht="15" customHeight="1">
      <c r="A60" s="17" t="s">
        <v>117</v>
      </c>
      <c r="B60" s="17"/>
      <c r="C60" s="13">
        <v>10764</v>
      </c>
      <c r="D60" s="19">
        <v>5434</v>
      </c>
      <c r="E60" s="19">
        <v>5330</v>
      </c>
      <c r="F60" s="19"/>
      <c r="G60" s="18" t="s">
        <v>118</v>
      </c>
      <c r="H60" s="17"/>
      <c r="I60" s="13">
        <v>1016</v>
      </c>
      <c r="J60" s="19">
        <v>215</v>
      </c>
      <c r="K60" s="19">
        <v>801</v>
      </c>
    </row>
    <row r="61" spans="1:11" ht="15" customHeight="1">
      <c r="A61" s="17" t="s">
        <v>119</v>
      </c>
      <c r="B61" s="17"/>
      <c r="C61" s="13">
        <v>11646</v>
      </c>
      <c r="D61" s="19">
        <v>5830</v>
      </c>
      <c r="E61" s="19">
        <v>5816</v>
      </c>
      <c r="F61" s="19"/>
      <c r="G61" s="18" t="s">
        <v>120</v>
      </c>
      <c r="H61" s="17"/>
      <c r="I61" s="13">
        <v>786</v>
      </c>
      <c r="J61" s="19">
        <v>199</v>
      </c>
      <c r="K61" s="19">
        <v>587</v>
      </c>
    </row>
    <row r="62" spans="1:11" ht="15" customHeight="1">
      <c r="A62" s="17" t="s">
        <v>121</v>
      </c>
      <c r="B62" s="17"/>
      <c r="C62" s="13">
        <v>11719</v>
      </c>
      <c r="D62" s="19">
        <v>5871</v>
      </c>
      <c r="E62" s="19">
        <v>5848</v>
      </c>
      <c r="F62" s="19"/>
      <c r="G62" s="18" t="s">
        <v>122</v>
      </c>
      <c r="H62" s="17"/>
      <c r="I62" s="13">
        <v>591</v>
      </c>
      <c r="J62" s="19">
        <v>135</v>
      </c>
      <c r="K62" s="19">
        <v>456</v>
      </c>
    </row>
    <row r="63" spans="1:11" ht="15" customHeight="1">
      <c r="A63" s="17" t="s">
        <v>123</v>
      </c>
      <c r="B63" s="17"/>
      <c r="C63" s="13">
        <v>11708</v>
      </c>
      <c r="D63" s="19">
        <v>5882</v>
      </c>
      <c r="E63" s="19">
        <v>5826</v>
      </c>
      <c r="F63" s="19"/>
      <c r="G63" s="18" t="s">
        <v>124</v>
      </c>
      <c r="H63" s="17"/>
      <c r="I63" s="13">
        <v>413</v>
      </c>
      <c r="J63" s="19">
        <v>65</v>
      </c>
      <c r="K63" s="19">
        <v>348</v>
      </c>
    </row>
    <row r="64" spans="1:11" ht="15" customHeight="1">
      <c r="A64" s="17" t="s">
        <v>125</v>
      </c>
      <c r="B64" s="17"/>
      <c r="C64" s="13">
        <v>11405</v>
      </c>
      <c r="D64" s="19">
        <v>5744</v>
      </c>
      <c r="E64" s="19">
        <v>5661</v>
      </c>
      <c r="F64" s="19"/>
      <c r="G64" s="18" t="s">
        <v>126</v>
      </c>
      <c r="H64" s="17"/>
      <c r="I64" s="13">
        <v>290</v>
      </c>
      <c r="J64" s="19">
        <v>43</v>
      </c>
      <c r="K64" s="19">
        <v>24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30</v>
      </c>
      <c r="J65" s="19">
        <v>93</v>
      </c>
      <c r="K65" s="19">
        <v>53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679</v>
      </c>
      <c r="J66" s="29">
        <v>1624</v>
      </c>
      <c r="K66" s="29">
        <v>1055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7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33" t="s">
        <v>4</v>
      </c>
      <c r="D3" s="33" t="s">
        <v>5</v>
      </c>
      <c r="E3" s="33" t="s">
        <v>6</v>
      </c>
      <c r="F3" s="34"/>
      <c r="G3" s="11" t="s">
        <v>3</v>
      </c>
      <c r="H3" s="9"/>
      <c r="I3" s="33" t="s">
        <v>4</v>
      </c>
      <c r="J3" s="33" t="s">
        <v>5</v>
      </c>
      <c r="K3" s="33" t="s">
        <v>6</v>
      </c>
    </row>
    <row r="4" spans="1:11" ht="20.100000000000001" customHeight="1">
      <c r="A4" s="35" t="s">
        <v>4</v>
      </c>
      <c r="B4" s="35"/>
      <c r="C4" s="36">
        <v>292975</v>
      </c>
      <c r="D4" s="37">
        <v>151304</v>
      </c>
      <c r="E4" s="37">
        <v>141671</v>
      </c>
      <c r="F4" s="37"/>
      <c r="G4" s="15"/>
      <c r="H4" s="12"/>
      <c r="I4" s="38"/>
      <c r="J4" s="35"/>
      <c r="K4" s="35"/>
    </row>
    <row r="5" spans="1:11" ht="20.100000000000001" customHeight="1">
      <c r="A5" s="17" t="s">
        <v>7</v>
      </c>
      <c r="B5" s="17"/>
      <c r="C5" s="36">
        <v>12464</v>
      </c>
      <c r="D5" s="37">
        <v>6406</v>
      </c>
      <c r="E5" s="37">
        <v>6058</v>
      </c>
      <c r="F5" s="37"/>
      <c r="G5" s="18" t="s">
        <v>8</v>
      </c>
      <c r="H5" s="17"/>
      <c r="I5" s="36">
        <v>21955</v>
      </c>
      <c r="J5" s="37">
        <v>11989</v>
      </c>
      <c r="K5" s="37">
        <v>9966</v>
      </c>
    </row>
    <row r="6" spans="1:11" ht="15" customHeight="1">
      <c r="A6" s="17" t="s">
        <v>9</v>
      </c>
      <c r="B6" s="17"/>
      <c r="C6" s="36">
        <v>2402</v>
      </c>
      <c r="D6" s="19">
        <v>1259</v>
      </c>
      <c r="E6" s="19">
        <v>1143</v>
      </c>
      <c r="F6" s="19"/>
      <c r="G6" s="18" t="s">
        <v>10</v>
      </c>
      <c r="H6" s="17"/>
      <c r="I6" s="36">
        <v>4768</v>
      </c>
      <c r="J6" s="19">
        <v>2559</v>
      </c>
      <c r="K6" s="19">
        <v>2209</v>
      </c>
    </row>
    <row r="7" spans="1:11" ht="15" customHeight="1">
      <c r="A7" s="17" t="s">
        <v>11</v>
      </c>
      <c r="B7" s="17"/>
      <c r="C7" s="36">
        <v>2459</v>
      </c>
      <c r="D7" s="19">
        <v>1251</v>
      </c>
      <c r="E7" s="19">
        <v>1208</v>
      </c>
      <c r="F7" s="19"/>
      <c r="G7" s="18" t="s">
        <v>12</v>
      </c>
      <c r="H7" s="17"/>
      <c r="I7" s="36">
        <v>4723</v>
      </c>
      <c r="J7" s="19">
        <v>2623</v>
      </c>
      <c r="K7" s="19">
        <v>2100</v>
      </c>
    </row>
    <row r="8" spans="1:11" ht="15" customHeight="1">
      <c r="A8" s="17" t="s">
        <v>13</v>
      </c>
      <c r="B8" s="17"/>
      <c r="C8" s="36">
        <v>2481</v>
      </c>
      <c r="D8" s="19">
        <v>1318</v>
      </c>
      <c r="E8" s="19">
        <v>1163</v>
      </c>
      <c r="F8" s="19"/>
      <c r="G8" s="18" t="s">
        <v>14</v>
      </c>
      <c r="H8" s="17"/>
      <c r="I8" s="36">
        <v>4887</v>
      </c>
      <c r="J8" s="19">
        <v>2638</v>
      </c>
      <c r="K8" s="19">
        <v>2249</v>
      </c>
    </row>
    <row r="9" spans="1:11" ht="15" customHeight="1">
      <c r="A9" s="17" t="s">
        <v>15</v>
      </c>
      <c r="B9" s="17"/>
      <c r="C9" s="36">
        <v>2554</v>
      </c>
      <c r="D9" s="19">
        <v>1297</v>
      </c>
      <c r="E9" s="19">
        <v>1257</v>
      </c>
      <c r="F9" s="19"/>
      <c r="G9" s="18" t="s">
        <v>16</v>
      </c>
      <c r="H9" s="17"/>
      <c r="I9" s="36">
        <v>3352</v>
      </c>
      <c r="J9" s="19">
        <v>1825</v>
      </c>
      <c r="K9" s="19">
        <v>1527</v>
      </c>
    </row>
    <row r="10" spans="1:11" ht="15" customHeight="1">
      <c r="A10" s="17" t="s">
        <v>17</v>
      </c>
      <c r="B10" s="17"/>
      <c r="C10" s="36">
        <v>2568</v>
      </c>
      <c r="D10" s="19">
        <v>1281</v>
      </c>
      <c r="E10" s="19">
        <v>1287</v>
      </c>
      <c r="F10" s="19"/>
      <c r="G10" s="18" t="s">
        <v>18</v>
      </c>
      <c r="H10" s="17"/>
      <c r="I10" s="36">
        <v>4225</v>
      </c>
      <c r="J10" s="19">
        <v>2344</v>
      </c>
      <c r="K10" s="19">
        <v>1881</v>
      </c>
    </row>
    <row r="11" spans="1:11" ht="20.100000000000001" customHeight="1">
      <c r="A11" s="17" t="s">
        <v>19</v>
      </c>
      <c r="B11" s="17"/>
      <c r="C11" s="36">
        <v>12618</v>
      </c>
      <c r="D11" s="37">
        <v>6467</v>
      </c>
      <c r="E11" s="37">
        <v>6151</v>
      </c>
      <c r="F11" s="37"/>
      <c r="G11" s="39" t="s">
        <v>20</v>
      </c>
      <c r="H11" s="40"/>
      <c r="I11" s="36">
        <v>18005</v>
      </c>
      <c r="J11" s="37">
        <v>9734</v>
      </c>
      <c r="K11" s="37">
        <v>8271</v>
      </c>
    </row>
    <row r="12" spans="1:11" ht="15" customHeight="1">
      <c r="A12" s="17" t="s">
        <v>21</v>
      </c>
      <c r="B12" s="17"/>
      <c r="C12" s="36">
        <v>2571</v>
      </c>
      <c r="D12" s="19">
        <v>1334</v>
      </c>
      <c r="E12" s="19">
        <v>1237</v>
      </c>
      <c r="F12" s="19"/>
      <c r="G12" s="18" t="s">
        <v>22</v>
      </c>
      <c r="H12" s="17"/>
      <c r="I12" s="36">
        <v>3980</v>
      </c>
      <c r="J12" s="19">
        <v>2143</v>
      </c>
      <c r="K12" s="19">
        <v>1837</v>
      </c>
    </row>
    <row r="13" spans="1:11" ht="15" customHeight="1">
      <c r="A13" s="17" t="s">
        <v>23</v>
      </c>
      <c r="B13" s="17"/>
      <c r="C13" s="36">
        <v>2473</v>
      </c>
      <c r="D13" s="19">
        <v>1279</v>
      </c>
      <c r="E13" s="19">
        <v>1194</v>
      </c>
      <c r="F13" s="19"/>
      <c r="G13" s="18" t="s">
        <v>24</v>
      </c>
      <c r="H13" s="17"/>
      <c r="I13" s="36">
        <v>3709</v>
      </c>
      <c r="J13" s="19">
        <v>2008</v>
      </c>
      <c r="K13" s="19">
        <v>1701</v>
      </c>
    </row>
    <row r="14" spans="1:11" ht="15" customHeight="1">
      <c r="A14" s="17" t="s">
        <v>25</v>
      </c>
      <c r="B14" s="17"/>
      <c r="C14" s="36">
        <v>2562</v>
      </c>
      <c r="D14" s="19">
        <v>1327</v>
      </c>
      <c r="E14" s="19">
        <v>1235</v>
      </c>
      <c r="F14" s="19"/>
      <c r="G14" s="18" t="s">
        <v>26</v>
      </c>
      <c r="H14" s="17"/>
      <c r="I14" s="36">
        <v>3653</v>
      </c>
      <c r="J14" s="19">
        <v>2009</v>
      </c>
      <c r="K14" s="19">
        <v>1644</v>
      </c>
    </row>
    <row r="15" spans="1:11" ht="15" customHeight="1">
      <c r="A15" s="17" t="s">
        <v>27</v>
      </c>
      <c r="B15" s="17"/>
      <c r="C15" s="36">
        <v>2557</v>
      </c>
      <c r="D15" s="19">
        <v>1309</v>
      </c>
      <c r="E15" s="19">
        <v>1248</v>
      </c>
      <c r="F15" s="19"/>
      <c r="G15" s="18" t="s">
        <v>28</v>
      </c>
      <c r="H15" s="17"/>
      <c r="I15" s="36">
        <v>3356</v>
      </c>
      <c r="J15" s="19">
        <v>1805</v>
      </c>
      <c r="K15" s="19">
        <v>1551</v>
      </c>
    </row>
    <row r="16" spans="1:11" ht="15" customHeight="1">
      <c r="A16" s="17" t="s">
        <v>29</v>
      </c>
      <c r="B16" s="17"/>
      <c r="C16" s="36">
        <v>2455</v>
      </c>
      <c r="D16" s="19">
        <v>1218</v>
      </c>
      <c r="E16" s="19">
        <v>1237</v>
      </c>
      <c r="F16" s="19"/>
      <c r="G16" s="18" t="s">
        <v>30</v>
      </c>
      <c r="H16" s="17"/>
      <c r="I16" s="36">
        <v>3307</v>
      </c>
      <c r="J16" s="19">
        <v>1769</v>
      </c>
      <c r="K16" s="19">
        <v>1538</v>
      </c>
    </row>
    <row r="17" spans="1:11" ht="20.100000000000001" customHeight="1">
      <c r="A17" s="20" t="s">
        <v>31</v>
      </c>
      <c r="B17" s="20"/>
      <c r="C17" s="36">
        <v>12011</v>
      </c>
      <c r="D17" s="37">
        <v>6204</v>
      </c>
      <c r="E17" s="37">
        <v>5807</v>
      </c>
      <c r="F17" s="37"/>
      <c r="G17" s="39" t="s">
        <v>32</v>
      </c>
      <c r="H17" s="40"/>
      <c r="I17" s="36">
        <v>15076</v>
      </c>
      <c r="J17" s="37">
        <v>7957</v>
      </c>
      <c r="K17" s="37">
        <v>7119</v>
      </c>
    </row>
    <row r="18" spans="1:11" ht="15" customHeight="1">
      <c r="A18" s="17" t="s">
        <v>33</v>
      </c>
      <c r="B18" s="17"/>
      <c r="C18" s="36">
        <v>2450</v>
      </c>
      <c r="D18" s="19">
        <v>1289</v>
      </c>
      <c r="E18" s="19">
        <v>1161</v>
      </c>
      <c r="F18" s="19"/>
      <c r="G18" s="18" t="s">
        <v>34</v>
      </c>
      <c r="H18" s="17"/>
      <c r="I18" s="36">
        <v>3161</v>
      </c>
      <c r="J18" s="19">
        <v>1716</v>
      </c>
      <c r="K18" s="19">
        <v>1445</v>
      </c>
    </row>
    <row r="19" spans="1:11" ht="15" customHeight="1">
      <c r="A19" s="17" t="s">
        <v>35</v>
      </c>
      <c r="B19" s="17"/>
      <c r="C19" s="36">
        <v>2498</v>
      </c>
      <c r="D19" s="19">
        <v>1295</v>
      </c>
      <c r="E19" s="19">
        <v>1203</v>
      </c>
      <c r="F19" s="19"/>
      <c r="G19" s="18" t="s">
        <v>36</v>
      </c>
      <c r="H19" s="17"/>
      <c r="I19" s="36">
        <v>3128</v>
      </c>
      <c r="J19" s="19">
        <v>1641</v>
      </c>
      <c r="K19" s="19">
        <v>1487</v>
      </c>
    </row>
    <row r="20" spans="1:11" ht="15" customHeight="1">
      <c r="A20" s="17" t="s">
        <v>37</v>
      </c>
      <c r="B20" s="17"/>
      <c r="C20" s="36">
        <v>2393</v>
      </c>
      <c r="D20" s="19">
        <v>1215</v>
      </c>
      <c r="E20" s="19">
        <v>1178</v>
      </c>
      <c r="F20" s="19"/>
      <c r="G20" s="18" t="s">
        <v>38</v>
      </c>
      <c r="H20" s="17"/>
      <c r="I20" s="36">
        <v>2866</v>
      </c>
      <c r="J20" s="19">
        <v>1485</v>
      </c>
      <c r="K20" s="19">
        <v>1381</v>
      </c>
    </row>
    <row r="21" spans="1:11" ht="15" customHeight="1">
      <c r="A21" s="17" t="s">
        <v>39</v>
      </c>
      <c r="B21" s="17"/>
      <c r="C21" s="36">
        <v>2432</v>
      </c>
      <c r="D21" s="19">
        <v>1290</v>
      </c>
      <c r="E21" s="19">
        <v>1142</v>
      </c>
      <c r="F21" s="19"/>
      <c r="G21" s="18" t="s">
        <v>40</v>
      </c>
      <c r="H21" s="17"/>
      <c r="I21" s="36">
        <v>2964</v>
      </c>
      <c r="J21" s="19">
        <v>1551</v>
      </c>
      <c r="K21" s="19">
        <v>1413</v>
      </c>
    </row>
    <row r="22" spans="1:11" ht="15" customHeight="1">
      <c r="A22" s="17" t="s">
        <v>41</v>
      </c>
      <c r="B22" s="17"/>
      <c r="C22" s="36">
        <v>2238</v>
      </c>
      <c r="D22" s="19">
        <v>1115</v>
      </c>
      <c r="E22" s="19">
        <v>1123</v>
      </c>
      <c r="F22" s="19"/>
      <c r="G22" s="18" t="s">
        <v>42</v>
      </c>
      <c r="H22" s="17"/>
      <c r="I22" s="36">
        <v>2957</v>
      </c>
      <c r="J22" s="19">
        <v>1564</v>
      </c>
      <c r="K22" s="19">
        <v>1393</v>
      </c>
    </row>
    <row r="23" spans="1:11" ht="20.100000000000001" customHeight="1">
      <c r="A23" s="40" t="s">
        <v>43</v>
      </c>
      <c r="B23" s="40"/>
      <c r="C23" s="36">
        <v>12252</v>
      </c>
      <c r="D23" s="37">
        <v>6251</v>
      </c>
      <c r="E23" s="37">
        <v>6001</v>
      </c>
      <c r="F23" s="37"/>
      <c r="G23" s="39" t="s">
        <v>44</v>
      </c>
      <c r="H23" s="40"/>
      <c r="I23" s="36">
        <v>15974</v>
      </c>
      <c r="J23" s="37">
        <v>8234</v>
      </c>
      <c r="K23" s="37">
        <v>7740</v>
      </c>
    </row>
    <row r="24" spans="1:11" ht="15" customHeight="1">
      <c r="A24" s="17" t="s">
        <v>45</v>
      </c>
      <c r="B24" s="17"/>
      <c r="C24" s="36">
        <v>2346</v>
      </c>
      <c r="D24" s="19">
        <v>1208</v>
      </c>
      <c r="E24" s="19">
        <v>1138</v>
      </c>
      <c r="F24" s="19"/>
      <c r="G24" s="18" t="s">
        <v>46</v>
      </c>
      <c r="H24" s="17"/>
      <c r="I24" s="36">
        <v>3030</v>
      </c>
      <c r="J24" s="19">
        <v>1596</v>
      </c>
      <c r="K24" s="19">
        <v>1434</v>
      </c>
    </row>
    <row r="25" spans="1:11" ht="15" customHeight="1">
      <c r="A25" s="17" t="s">
        <v>47</v>
      </c>
      <c r="B25" s="17"/>
      <c r="C25" s="36">
        <v>2336</v>
      </c>
      <c r="D25" s="19">
        <v>1210</v>
      </c>
      <c r="E25" s="19">
        <v>1126</v>
      </c>
      <c r="F25" s="19"/>
      <c r="G25" s="18" t="s">
        <v>48</v>
      </c>
      <c r="H25" s="17"/>
      <c r="I25" s="36">
        <v>3110</v>
      </c>
      <c r="J25" s="19">
        <v>1646</v>
      </c>
      <c r="K25" s="19">
        <v>1464</v>
      </c>
    </row>
    <row r="26" spans="1:11">
      <c r="A26" s="17" t="s">
        <v>49</v>
      </c>
      <c r="B26" s="17"/>
      <c r="C26" s="36">
        <v>2396</v>
      </c>
      <c r="D26" s="19">
        <v>1177</v>
      </c>
      <c r="E26" s="19">
        <v>1219</v>
      </c>
      <c r="F26" s="19"/>
      <c r="G26" s="18" t="s">
        <v>50</v>
      </c>
      <c r="H26" s="17"/>
      <c r="I26" s="36">
        <v>3121</v>
      </c>
      <c r="J26" s="19">
        <v>1552</v>
      </c>
      <c r="K26" s="19">
        <v>1569</v>
      </c>
    </row>
    <row r="27" spans="1:11" ht="15" customHeight="1">
      <c r="A27" s="17" t="s">
        <v>51</v>
      </c>
      <c r="B27" s="17"/>
      <c r="C27" s="36">
        <v>2446</v>
      </c>
      <c r="D27" s="19">
        <v>1259</v>
      </c>
      <c r="E27" s="19">
        <v>1187</v>
      </c>
      <c r="F27" s="19"/>
      <c r="G27" s="18" t="s">
        <v>52</v>
      </c>
      <c r="H27" s="17"/>
      <c r="I27" s="36">
        <v>3238</v>
      </c>
      <c r="J27" s="19">
        <v>1664</v>
      </c>
      <c r="K27" s="19">
        <v>1574</v>
      </c>
    </row>
    <row r="28" spans="1:11" ht="15" customHeight="1">
      <c r="A28" s="17" t="s">
        <v>53</v>
      </c>
      <c r="B28" s="17"/>
      <c r="C28" s="36">
        <v>2728</v>
      </c>
      <c r="D28" s="19">
        <v>1397</v>
      </c>
      <c r="E28" s="19">
        <v>1331</v>
      </c>
      <c r="F28" s="19"/>
      <c r="G28" s="18" t="s">
        <v>54</v>
      </c>
      <c r="H28" s="17"/>
      <c r="I28" s="36">
        <v>3475</v>
      </c>
      <c r="J28" s="19">
        <v>1776</v>
      </c>
      <c r="K28" s="19">
        <v>1699</v>
      </c>
    </row>
    <row r="29" spans="1:11" ht="20.100000000000001" customHeight="1">
      <c r="A29" s="40" t="s">
        <v>55</v>
      </c>
      <c r="B29" s="40"/>
      <c r="C29" s="36">
        <v>16205</v>
      </c>
      <c r="D29" s="37">
        <v>8371</v>
      </c>
      <c r="E29" s="37">
        <v>7834</v>
      </c>
      <c r="F29" s="37"/>
      <c r="G29" s="39" t="s">
        <v>56</v>
      </c>
      <c r="H29" s="40"/>
      <c r="I29" s="36">
        <v>16170</v>
      </c>
      <c r="J29" s="37">
        <v>8007</v>
      </c>
      <c r="K29" s="37">
        <v>8163</v>
      </c>
    </row>
    <row r="30" spans="1:11" ht="15" customHeight="1">
      <c r="A30" s="17" t="s">
        <v>57</v>
      </c>
      <c r="B30" s="17"/>
      <c r="C30" s="36">
        <v>2810</v>
      </c>
      <c r="D30" s="19">
        <v>1442</v>
      </c>
      <c r="E30" s="19">
        <v>1368</v>
      </c>
      <c r="F30" s="19">
        <v>1368</v>
      </c>
      <c r="G30" s="18" t="s">
        <v>58</v>
      </c>
      <c r="H30" s="17"/>
      <c r="I30" s="36">
        <v>3887</v>
      </c>
      <c r="J30" s="19">
        <v>2036</v>
      </c>
      <c r="K30" s="19">
        <v>1851</v>
      </c>
    </row>
    <row r="31" spans="1:11" ht="15" customHeight="1">
      <c r="A31" s="17" t="s">
        <v>59</v>
      </c>
      <c r="B31" s="17"/>
      <c r="C31" s="36">
        <v>2971</v>
      </c>
      <c r="D31" s="19">
        <v>1510</v>
      </c>
      <c r="E31" s="19">
        <v>1461</v>
      </c>
      <c r="F31" s="19">
        <v>1461</v>
      </c>
      <c r="G31" s="18" t="s">
        <v>60</v>
      </c>
      <c r="H31" s="17"/>
      <c r="I31" s="36">
        <v>3923</v>
      </c>
      <c r="J31" s="19">
        <v>1940</v>
      </c>
      <c r="K31" s="19">
        <v>1983</v>
      </c>
    </row>
    <row r="32" spans="1:11" ht="15" customHeight="1">
      <c r="A32" s="17" t="s">
        <v>61</v>
      </c>
      <c r="B32" s="17"/>
      <c r="C32" s="36">
        <v>3168</v>
      </c>
      <c r="D32" s="19">
        <v>1609</v>
      </c>
      <c r="E32" s="19">
        <v>1559</v>
      </c>
      <c r="F32" s="19">
        <v>1559</v>
      </c>
      <c r="G32" s="18" t="s">
        <v>62</v>
      </c>
      <c r="H32" s="17"/>
      <c r="I32" s="36">
        <v>3665</v>
      </c>
      <c r="J32" s="19">
        <v>1776</v>
      </c>
      <c r="K32" s="19">
        <v>1889</v>
      </c>
    </row>
    <row r="33" spans="1:11" ht="15" customHeight="1">
      <c r="A33" s="17" t="s">
        <v>63</v>
      </c>
      <c r="B33" s="17"/>
      <c r="C33" s="36">
        <v>3617</v>
      </c>
      <c r="D33" s="19">
        <v>1903</v>
      </c>
      <c r="E33" s="19">
        <v>1714</v>
      </c>
      <c r="F33" s="19">
        <v>1714</v>
      </c>
      <c r="G33" s="18" t="s">
        <v>64</v>
      </c>
      <c r="H33" s="17"/>
      <c r="I33" s="36">
        <v>2448</v>
      </c>
      <c r="J33" s="19">
        <v>1158</v>
      </c>
      <c r="K33" s="19">
        <v>1290</v>
      </c>
    </row>
    <row r="34" spans="1:11" ht="15" customHeight="1">
      <c r="A34" s="17" t="s">
        <v>65</v>
      </c>
      <c r="B34" s="17"/>
      <c r="C34" s="36">
        <v>3639</v>
      </c>
      <c r="D34" s="19">
        <v>1907</v>
      </c>
      <c r="E34" s="19">
        <v>1732</v>
      </c>
      <c r="F34" s="19">
        <v>1732</v>
      </c>
      <c r="G34" s="18" t="s">
        <v>66</v>
      </c>
      <c r="H34" s="17"/>
      <c r="I34" s="36">
        <v>2247</v>
      </c>
      <c r="J34" s="19">
        <v>1097</v>
      </c>
      <c r="K34" s="19">
        <v>1150</v>
      </c>
    </row>
    <row r="35" spans="1:11" ht="20.100000000000001" customHeight="1">
      <c r="A35" s="40" t="s">
        <v>67</v>
      </c>
      <c r="B35" s="40"/>
      <c r="C35" s="36">
        <v>19299</v>
      </c>
      <c r="D35" s="37">
        <v>10568</v>
      </c>
      <c r="E35" s="37">
        <v>8731</v>
      </c>
      <c r="F35" s="37"/>
      <c r="G35" s="39" t="s">
        <v>68</v>
      </c>
      <c r="H35" s="40"/>
      <c r="I35" s="36">
        <v>12933</v>
      </c>
      <c r="J35" s="37">
        <v>5971</v>
      </c>
      <c r="K35" s="37">
        <v>6962</v>
      </c>
    </row>
    <row r="36" spans="1:11" ht="15" customHeight="1">
      <c r="A36" s="17" t="s">
        <v>69</v>
      </c>
      <c r="B36" s="17"/>
      <c r="C36" s="36">
        <v>3963</v>
      </c>
      <c r="D36" s="19">
        <v>2191</v>
      </c>
      <c r="E36" s="19">
        <v>1772</v>
      </c>
      <c r="F36" s="19"/>
      <c r="G36" s="18" t="s">
        <v>70</v>
      </c>
      <c r="H36" s="17"/>
      <c r="I36" s="36">
        <v>2765</v>
      </c>
      <c r="J36" s="19">
        <v>1356</v>
      </c>
      <c r="K36" s="19">
        <v>1409</v>
      </c>
    </row>
    <row r="37" spans="1:11" ht="15" customHeight="1">
      <c r="A37" s="17" t="s">
        <v>71</v>
      </c>
      <c r="B37" s="17"/>
      <c r="C37" s="36">
        <v>3858</v>
      </c>
      <c r="D37" s="19">
        <v>2073</v>
      </c>
      <c r="E37" s="19">
        <v>1785</v>
      </c>
      <c r="F37" s="19"/>
      <c r="G37" s="18" t="s">
        <v>72</v>
      </c>
      <c r="H37" s="17"/>
      <c r="I37" s="36">
        <v>2788</v>
      </c>
      <c r="J37" s="19">
        <v>1297</v>
      </c>
      <c r="K37" s="19">
        <v>1491</v>
      </c>
    </row>
    <row r="38" spans="1:11" ht="15" customHeight="1">
      <c r="A38" s="17" t="s">
        <v>73</v>
      </c>
      <c r="B38" s="17"/>
      <c r="C38" s="36">
        <v>3799</v>
      </c>
      <c r="D38" s="19">
        <v>2095</v>
      </c>
      <c r="E38" s="19">
        <v>1704</v>
      </c>
      <c r="F38" s="19"/>
      <c r="G38" s="18" t="s">
        <v>74</v>
      </c>
      <c r="H38" s="17"/>
      <c r="I38" s="36">
        <v>2597</v>
      </c>
      <c r="J38" s="19">
        <v>1196</v>
      </c>
      <c r="K38" s="19">
        <v>1401</v>
      </c>
    </row>
    <row r="39" spans="1:11" ht="15" customHeight="1">
      <c r="A39" s="17" t="s">
        <v>75</v>
      </c>
      <c r="B39" s="17"/>
      <c r="C39" s="36">
        <v>3877</v>
      </c>
      <c r="D39" s="19">
        <v>2124</v>
      </c>
      <c r="E39" s="19">
        <v>1753</v>
      </c>
      <c r="F39" s="19"/>
      <c r="G39" s="18" t="s">
        <v>76</v>
      </c>
      <c r="H39" s="17"/>
      <c r="I39" s="36">
        <v>2555</v>
      </c>
      <c r="J39" s="19">
        <v>1154</v>
      </c>
      <c r="K39" s="19">
        <v>1401</v>
      </c>
    </row>
    <row r="40" spans="1:11" ht="15" customHeight="1">
      <c r="A40" s="17" t="s">
        <v>77</v>
      </c>
      <c r="B40" s="17"/>
      <c r="C40" s="36">
        <v>3802</v>
      </c>
      <c r="D40" s="19">
        <v>2085</v>
      </c>
      <c r="E40" s="19">
        <v>1717</v>
      </c>
      <c r="F40" s="19"/>
      <c r="G40" s="18" t="s">
        <v>78</v>
      </c>
      <c r="H40" s="17"/>
      <c r="I40" s="36">
        <v>2228</v>
      </c>
      <c r="J40" s="19">
        <v>968</v>
      </c>
      <c r="K40" s="19">
        <v>1260</v>
      </c>
    </row>
    <row r="41" spans="1:11" ht="20.100000000000001" customHeight="1">
      <c r="A41" s="40" t="s">
        <v>79</v>
      </c>
      <c r="B41" s="40"/>
      <c r="C41" s="36">
        <v>19587</v>
      </c>
      <c r="D41" s="37">
        <v>10547</v>
      </c>
      <c r="E41" s="37">
        <v>9040</v>
      </c>
      <c r="F41" s="37"/>
      <c r="G41" s="39" t="s">
        <v>80</v>
      </c>
      <c r="H41" s="40"/>
      <c r="I41" s="36">
        <v>8564</v>
      </c>
      <c r="J41" s="37">
        <v>3446</v>
      </c>
      <c r="K41" s="37">
        <v>5118</v>
      </c>
    </row>
    <row r="42" spans="1:11" ht="15" customHeight="1">
      <c r="A42" s="17" t="s">
        <v>81</v>
      </c>
      <c r="B42" s="17"/>
      <c r="C42" s="36">
        <v>3752</v>
      </c>
      <c r="D42" s="19">
        <v>2039</v>
      </c>
      <c r="E42" s="19">
        <v>1713</v>
      </c>
      <c r="F42" s="19"/>
      <c r="G42" s="18" t="s">
        <v>82</v>
      </c>
      <c r="H42" s="17"/>
      <c r="I42" s="36">
        <v>1854</v>
      </c>
      <c r="J42" s="19">
        <v>804</v>
      </c>
      <c r="K42" s="19">
        <v>1050</v>
      </c>
    </row>
    <row r="43" spans="1:11" ht="15" customHeight="1">
      <c r="A43" s="17" t="s">
        <v>83</v>
      </c>
      <c r="B43" s="17"/>
      <c r="C43" s="36">
        <v>3792</v>
      </c>
      <c r="D43" s="19">
        <v>2030</v>
      </c>
      <c r="E43" s="19">
        <v>1762</v>
      </c>
      <c r="F43" s="19"/>
      <c r="G43" s="18" t="s">
        <v>84</v>
      </c>
      <c r="H43" s="17"/>
      <c r="I43" s="36">
        <v>1695</v>
      </c>
      <c r="J43" s="19">
        <v>690</v>
      </c>
      <c r="K43" s="19">
        <v>1005</v>
      </c>
    </row>
    <row r="44" spans="1:11" ht="15" customHeight="1">
      <c r="A44" s="17" t="s">
        <v>85</v>
      </c>
      <c r="B44" s="17"/>
      <c r="C44" s="36">
        <v>3925</v>
      </c>
      <c r="D44" s="19">
        <v>2136</v>
      </c>
      <c r="E44" s="19">
        <v>1789</v>
      </c>
      <c r="F44" s="19"/>
      <c r="G44" s="18" t="s">
        <v>86</v>
      </c>
      <c r="H44" s="17"/>
      <c r="I44" s="36">
        <v>1809</v>
      </c>
      <c r="J44" s="19">
        <v>757</v>
      </c>
      <c r="K44" s="19">
        <v>1052</v>
      </c>
    </row>
    <row r="45" spans="1:11" ht="15" customHeight="1">
      <c r="A45" s="17" t="s">
        <v>87</v>
      </c>
      <c r="B45" s="17"/>
      <c r="C45" s="36">
        <v>3966</v>
      </c>
      <c r="D45" s="19">
        <v>2190</v>
      </c>
      <c r="E45" s="19">
        <v>1776</v>
      </c>
      <c r="F45" s="19"/>
      <c r="G45" s="18" t="s">
        <v>88</v>
      </c>
      <c r="H45" s="17"/>
      <c r="I45" s="36">
        <v>1661</v>
      </c>
      <c r="J45" s="19">
        <v>611</v>
      </c>
      <c r="K45" s="19">
        <v>1050</v>
      </c>
    </row>
    <row r="46" spans="1:11" ht="15" customHeight="1">
      <c r="A46" s="17" t="s">
        <v>89</v>
      </c>
      <c r="B46" s="17"/>
      <c r="C46" s="36">
        <v>4152</v>
      </c>
      <c r="D46" s="19">
        <v>2152</v>
      </c>
      <c r="E46" s="19">
        <v>2000</v>
      </c>
      <c r="F46" s="19"/>
      <c r="G46" s="18" t="s">
        <v>90</v>
      </c>
      <c r="H46" s="17"/>
      <c r="I46" s="36">
        <v>1545</v>
      </c>
      <c r="J46" s="19">
        <v>584</v>
      </c>
      <c r="K46" s="19">
        <v>961</v>
      </c>
    </row>
    <row r="47" spans="1:11" ht="20.100000000000001" customHeight="1">
      <c r="A47" s="40" t="s">
        <v>91</v>
      </c>
      <c r="B47" s="40"/>
      <c r="C47" s="36">
        <v>20935</v>
      </c>
      <c r="D47" s="37">
        <v>11073</v>
      </c>
      <c r="E47" s="37">
        <v>9862</v>
      </c>
      <c r="F47" s="37"/>
      <c r="G47" s="39" t="s">
        <v>92</v>
      </c>
      <c r="H47" s="40"/>
      <c r="I47" s="36">
        <v>5359</v>
      </c>
      <c r="J47" s="37">
        <v>1827</v>
      </c>
      <c r="K47" s="37">
        <v>3532</v>
      </c>
    </row>
    <row r="48" spans="1:11" ht="15" customHeight="1">
      <c r="A48" s="17" t="s">
        <v>93</v>
      </c>
      <c r="B48" s="17"/>
      <c r="C48" s="36">
        <v>4283</v>
      </c>
      <c r="D48" s="19">
        <v>2308</v>
      </c>
      <c r="E48" s="19">
        <v>1975</v>
      </c>
      <c r="F48" s="19"/>
      <c r="G48" s="18" t="s">
        <v>94</v>
      </c>
      <c r="H48" s="17"/>
      <c r="I48" s="36">
        <v>1310</v>
      </c>
      <c r="J48" s="19">
        <v>473</v>
      </c>
      <c r="K48" s="19">
        <v>837</v>
      </c>
    </row>
    <row r="49" spans="1:11" ht="15" customHeight="1">
      <c r="A49" s="17" t="s">
        <v>95</v>
      </c>
      <c r="B49" s="17"/>
      <c r="C49" s="36">
        <v>4202</v>
      </c>
      <c r="D49" s="19">
        <v>2230</v>
      </c>
      <c r="E49" s="19">
        <v>1972</v>
      </c>
      <c r="F49" s="19"/>
      <c r="G49" s="18" t="s">
        <v>96</v>
      </c>
      <c r="H49" s="17"/>
      <c r="I49" s="36">
        <v>1221</v>
      </c>
      <c r="J49" s="19">
        <v>409</v>
      </c>
      <c r="K49" s="19">
        <v>812</v>
      </c>
    </row>
    <row r="50" spans="1:11" ht="15" customHeight="1">
      <c r="A50" s="17" t="s">
        <v>97</v>
      </c>
      <c r="B50" s="17"/>
      <c r="C50" s="36">
        <v>4176</v>
      </c>
      <c r="D50" s="19">
        <v>2197</v>
      </c>
      <c r="E50" s="19">
        <v>1979</v>
      </c>
      <c r="F50" s="19"/>
      <c r="G50" s="18" t="s">
        <v>98</v>
      </c>
      <c r="H50" s="17"/>
      <c r="I50" s="36">
        <v>1109</v>
      </c>
      <c r="J50" s="19">
        <v>385</v>
      </c>
      <c r="K50" s="19">
        <v>724</v>
      </c>
    </row>
    <row r="51" spans="1:11" ht="15" customHeight="1">
      <c r="A51" s="17" t="s">
        <v>99</v>
      </c>
      <c r="B51" s="17"/>
      <c r="C51" s="36">
        <v>4210</v>
      </c>
      <c r="D51" s="19">
        <v>2137</v>
      </c>
      <c r="E51" s="19">
        <v>2073</v>
      </c>
      <c r="F51" s="19"/>
      <c r="G51" s="18" t="s">
        <v>100</v>
      </c>
      <c r="H51" s="17"/>
      <c r="I51" s="36">
        <v>942</v>
      </c>
      <c r="J51" s="19">
        <v>300</v>
      </c>
      <c r="K51" s="19">
        <v>642</v>
      </c>
    </row>
    <row r="52" spans="1:11" ht="15" customHeight="1">
      <c r="A52" s="17" t="s">
        <v>101</v>
      </c>
      <c r="B52" s="17"/>
      <c r="C52" s="36">
        <v>4064</v>
      </c>
      <c r="D52" s="19">
        <v>2201</v>
      </c>
      <c r="E52" s="19">
        <v>1863</v>
      </c>
      <c r="F52" s="19"/>
      <c r="G52" s="18" t="s">
        <v>102</v>
      </c>
      <c r="H52" s="17"/>
      <c r="I52" s="36">
        <v>777</v>
      </c>
      <c r="J52" s="19">
        <v>260</v>
      </c>
      <c r="K52" s="19">
        <v>517</v>
      </c>
    </row>
    <row r="53" spans="1:11" ht="20.100000000000001" customHeight="1">
      <c r="A53" s="40" t="s">
        <v>103</v>
      </c>
      <c r="B53" s="40"/>
      <c r="C53" s="36">
        <v>22699</v>
      </c>
      <c r="D53" s="37">
        <v>12213</v>
      </c>
      <c r="E53" s="37">
        <v>10486</v>
      </c>
      <c r="F53" s="37"/>
      <c r="G53" s="39" t="s">
        <v>104</v>
      </c>
      <c r="H53" s="40"/>
      <c r="I53" s="36">
        <v>2342</v>
      </c>
      <c r="J53" s="37">
        <v>690</v>
      </c>
      <c r="K53" s="37">
        <v>1652</v>
      </c>
    </row>
    <row r="54" spans="1:11" ht="15" customHeight="1">
      <c r="A54" s="17" t="s">
        <v>105</v>
      </c>
      <c r="B54" s="17"/>
      <c r="C54" s="36">
        <v>4321</v>
      </c>
      <c r="D54" s="19">
        <v>2329</v>
      </c>
      <c r="E54" s="19">
        <v>1992</v>
      </c>
      <c r="F54" s="19"/>
      <c r="G54" s="18" t="s">
        <v>106</v>
      </c>
      <c r="H54" s="17"/>
      <c r="I54" s="36">
        <v>688</v>
      </c>
      <c r="J54" s="19">
        <v>214</v>
      </c>
      <c r="K54" s="19">
        <v>474</v>
      </c>
    </row>
    <row r="55" spans="1:11" ht="15" customHeight="1">
      <c r="A55" s="17" t="s">
        <v>107</v>
      </c>
      <c r="B55" s="17"/>
      <c r="C55" s="36">
        <v>4327</v>
      </c>
      <c r="D55" s="19">
        <v>2294</v>
      </c>
      <c r="E55" s="19">
        <v>2033</v>
      </c>
      <c r="F55" s="19"/>
      <c r="G55" s="18" t="s">
        <v>108</v>
      </c>
      <c r="H55" s="17"/>
      <c r="I55" s="36">
        <v>569</v>
      </c>
      <c r="J55" s="19">
        <v>178</v>
      </c>
      <c r="K55" s="19">
        <v>391</v>
      </c>
    </row>
    <row r="56" spans="1:11" ht="15" customHeight="1">
      <c r="A56" s="17" t="s">
        <v>109</v>
      </c>
      <c r="B56" s="17"/>
      <c r="C56" s="36">
        <v>4480</v>
      </c>
      <c r="D56" s="19">
        <v>2412</v>
      </c>
      <c r="E56" s="19">
        <v>2068</v>
      </c>
      <c r="F56" s="19"/>
      <c r="G56" s="18" t="s">
        <v>110</v>
      </c>
      <c r="H56" s="17"/>
      <c r="I56" s="36">
        <v>472</v>
      </c>
      <c r="J56" s="19">
        <v>134</v>
      </c>
      <c r="K56" s="19">
        <v>338</v>
      </c>
    </row>
    <row r="57" spans="1:11" ht="15" customHeight="1">
      <c r="A57" s="17" t="s">
        <v>111</v>
      </c>
      <c r="B57" s="17"/>
      <c r="C57" s="36">
        <v>4697</v>
      </c>
      <c r="D57" s="19">
        <v>2493</v>
      </c>
      <c r="E57" s="19">
        <v>2204</v>
      </c>
      <c r="F57" s="19"/>
      <c r="G57" s="18" t="s">
        <v>112</v>
      </c>
      <c r="H57" s="17"/>
      <c r="I57" s="36">
        <v>352</v>
      </c>
      <c r="J57" s="19">
        <v>92</v>
      </c>
      <c r="K57" s="19">
        <v>260</v>
      </c>
    </row>
    <row r="58" spans="1:11" ht="15" customHeight="1">
      <c r="A58" s="17" t="s">
        <v>113</v>
      </c>
      <c r="B58" s="17"/>
      <c r="C58" s="36">
        <v>4874</v>
      </c>
      <c r="D58" s="19">
        <v>2685</v>
      </c>
      <c r="E58" s="19">
        <v>2189</v>
      </c>
      <c r="F58" s="19"/>
      <c r="G58" s="18" t="s">
        <v>114</v>
      </c>
      <c r="H58" s="17"/>
      <c r="I58" s="36">
        <v>261</v>
      </c>
      <c r="J58" s="19">
        <v>72</v>
      </c>
      <c r="K58" s="19">
        <v>189</v>
      </c>
    </row>
    <row r="59" spans="1:11" ht="20.100000000000001" customHeight="1">
      <c r="A59" s="17" t="s">
        <v>115</v>
      </c>
      <c r="B59" s="17"/>
      <c r="C59" s="36">
        <v>25825</v>
      </c>
      <c r="D59" s="37">
        <v>13748</v>
      </c>
      <c r="E59" s="37">
        <v>12077</v>
      </c>
      <c r="F59" s="37"/>
      <c r="G59" s="39" t="s">
        <v>116</v>
      </c>
      <c r="H59" s="40"/>
      <c r="I59" s="36">
        <v>510</v>
      </c>
      <c r="J59" s="37">
        <v>91</v>
      </c>
      <c r="K59" s="37">
        <v>419</v>
      </c>
    </row>
    <row r="60" spans="1:11" ht="15" customHeight="1">
      <c r="A60" s="17" t="s">
        <v>117</v>
      </c>
      <c r="B60" s="17"/>
      <c r="C60" s="36">
        <v>5107</v>
      </c>
      <c r="D60" s="19">
        <v>2650</v>
      </c>
      <c r="E60" s="19">
        <v>2457</v>
      </c>
      <c r="F60" s="19"/>
      <c r="G60" s="18" t="s">
        <v>118</v>
      </c>
      <c r="H60" s="17"/>
      <c r="I60" s="36">
        <v>201</v>
      </c>
      <c r="J60" s="19">
        <v>44</v>
      </c>
      <c r="K60" s="19">
        <v>157</v>
      </c>
    </row>
    <row r="61" spans="1:11" ht="15" customHeight="1">
      <c r="A61" s="17" t="s">
        <v>119</v>
      </c>
      <c r="B61" s="17"/>
      <c r="C61" s="36">
        <v>5402</v>
      </c>
      <c r="D61" s="19">
        <v>2889</v>
      </c>
      <c r="E61" s="19">
        <v>2513</v>
      </c>
      <c r="F61" s="19"/>
      <c r="G61" s="18" t="s">
        <v>120</v>
      </c>
      <c r="H61" s="17"/>
      <c r="I61" s="36">
        <v>142</v>
      </c>
      <c r="J61" s="19">
        <v>27</v>
      </c>
      <c r="K61" s="19">
        <v>115</v>
      </c>
    </row>
    <row r="62" spans="1:11" ht="15" customHeight="1">
      <c r="A62" s="17" t="s">
        <v>121</v>
      </c>
      <c r="B62" s="17"/>
      <c r="C62" s="36">
        <v>5317</v>
      </c>
      <c r="D62" s="19">
        <v>2864</v>
      </c>
      <c r="E62" s="19">
        <v>2453</v>
      </c>
      <c r="F62" s="19"/>
      <c r="G62" s="18" t="s">
        <v>122</v>
      </c>
      <c r="H62" s="17"/>
      <c r="I62" s="36">
        <v>78</v>
      </c>
      <c r="J62" s="19">
        <v>5</v>
      </c>
      <c r="K62" s="19">
        <v>73</v>
      </c>
    </row>
    <row r="63" spans="1:11" ht="15" customHeight="1">
      <c r="A63" s="17" t="s">
        <v>123</v>
      </c>
      <c r="B63" s="17"/>
      <c r="C63" s="36">
        <v>5057</v>
      </c>
      <c r="D63" s="19">
        <v>2750</v>
      </c>
      <c r="E63" s="19">
        <v>2307</v>
      </c>
      <c r="F63" s="19"/>
      <c r="G63" s="18" t="s">
        <v>124</v>
      </c>
      <c r="H63" s="17"/>
      <c r="I63" s="36">
        <v>65</v>
      </c>
      <c r="J63" s="19">
        <v>7</v>
      </c>
      <c r="K63" s="19">
        <v>58</v>
      </c>
    </row>
    <row r="64" spans="1:11" ht="15" customHeight="1">
      <c r="A64" s="17" t="s">
        <v>125</v>
      </c>
      <c r="B64" s="17"/>
      <c r="C64" s="36">
        <v>4942</v>
      </c>
      <c r="D64" s="19">
        <v>2595</v>
      </c>
      <c r="E64" s="19">
        <v>2347</v>
      </c>
      <c r="F64" s="19"/>
      <c r="G64" s="18" t="s">
        <v>126</v>
      </c>
      <c r="H64" s="17"/>
      <c r="I64" s="36">
        <v>24</v>
      </c>
      <c r="J64" s="19">
        <v>8</v>
      </c>
      <c r="K64" s="19">
        <v>1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36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41">
        <v>2192</v>
      </c>
      <c r="J66" s="29">
        <v>1510</v>
      </c>
      <c r="K66" s="29">
        <v>68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4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3025</v>
      </c>
      <c r="D4" s="14">
        <v>196143</v>
      </c>
      <c r="E4" s="14">
        <v>19688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485</v>
      </c>
      <c r="D5" s="14">
        <v>6477</v>
      </c>
      <c r="E5" s="14">
        <v>6008</v>
      </c>
      <c r="F5" s="14"/>
      <c r="G5" s="18" t="s">
        <v>8</v>
      </c>
      <c r="H5" s="17"/>
      <c r="I5" s="13">
        <v>27489</v>
      </c>
      <c r="J5" s="14">
        <v>14206</v>
      </c>
      <c r="K5" s="14">
        <v>13283</v>
      </c>
    </row>
    <row r="6" spans="1:11" ht="15" customHeight="1">
      <c r="A6" s="17" t="s">
        <v>9</v>
      </c>
      <c r="B6" s="17"/>
      <c r="C6" s="13">
        <v>2243</v>
      </c>
      <c r="D6" s="19">
        <v>1180</v>
      </c>
      <c r="E6" s="19">
        <v>1063</v>
      </c>
      <c r="F6" s="19"/>
      <c r="G6" s="18" t="s">
        <v>10</v>
      </c>
      <c r="H6" s="17"/>
      <c r="I6" s="13">
        <v>5852</v>
      </c>
      <c r="J6" s="19">
        <v>3051</v>
      </c>
      <c r="K6" s="19">
        <v>2801</v>
      </c>
    </row>
    <row r="7" spans="1:11" ht="15" customHeight="1">
      <c r="A7" s="17" t="s">
        <v>11</v>
      </c>
      <c r="B7" s="17"/>
      <c r="C7" s="13">
        <v>2380</v>
      </c>
      <c r="D7" s="19">
        <v>1228</v>
      </c>
      <c r="E7" s="19">
        <v>1152</v>
      </c>
      <c r="F7" s="19"/>
      <c r="G7" s="18" t="s">
        <v>12</v>
      </c>
      <c r="H7" s="17"/>
      <c r="I7" s="13">
        <v>5837</v>
      </c>
      <c r="J7" s="19">
        <v>3003</v>
      </c>
      <c r="K7" s="19">
        <v>2834</v>
      </c>
    </row>
    <row r="8" spans="1:11" ht="15" customHeight="1">
      <c r="A8" s="17" t="s">
        <v>13</v>
      </c>
      <c r="B8" s="17"/>
      <c r="C8" s="13">
        <v>2519</v>
      </c>
      <c r="D8" s="19">
        <v>1282</v>
      </c>
      <c r="E8" s="19">
        <v>1237</v>
      </c>
      <c r="F8" s="19"/>
      <c r="G8" s="18" t="s">
        <v>14</v>
      </c>
      <c r="H8" s="17"/>
      <c r="I8" s="13">
        <v>6035</v>
      </c>
      <c r="J8" s="19">
        <v>3132</v>
      </c>
      <c r="K8" s="19">
        <v>2903</v>
      </c>
    </row>
    <row r="9" spans="1:11" ht="15" customHeight="1">
      <c r="A9" s="17" t="s">
        <v>15</v>
      </c>
      <c r="B9" s="17"/>
      <c r="C9" s="13">
        <v>2694</v>
      </c>
      <c r="D9" s="19">
        <v>1458</v>
      </c>
      <c r="E9" s="19">
        <v>1236</v>
      </c>
      <c r="F9" s="19"/>
      <c r="G9" s="18" t="s">
        <v>16</v>
      </c>
      <c r="H9" s="17"/>
      <c r="I9" s="13">
        <v>4301</v>
      </c>
      <c r="J9" s="19">
        <v>2253</v>
      </c>
      <c r="K9" s="19">
        <v>2048</v>
      </c>
    </row>
    <row r="10" spans="1:11" ht="15" customHeight="1">
      <c r="A10" s="17" t="s">
        <v>17</v>
      </c>
      <c r="B10" s="17"/>
      <c r="C10" s="13">
        <v>2649</v>
      </c>
      <c r="D10" s="19">
        <v>1329</v>
      </c>
      <c r="E10" s="19">
        <v>1320</v>
      </c>
      <c r="F10" s="19"/>
      <c r="G10" s="18" t="s">
        <v>18</v>
      </c>
      <c r="H10" s="17"/>
      <c r="I10" s="13">
        <v>5464</v>
      </c>
      <c r="J10" s="19">
        <v>2767</v>
      </c>
      <c r="K10" s="19">
        <v>2697</v>
      </c>
    </row>
    <row r="11" spans="1:11" ht="20.100000000000001" customHeight="1">
      <c r="A11" s="17" t="s">
        <v>19</v>
      </c>
      <c r="B11" s="17"/>
      <c r="C11" s="13">
        <v>13908</v>
      </c>
      <c r="D11" s="14">
        <v>7016</v>
      </c>
      <c r="E11" s="14">
        <v>6892</v>
      </c>
      <c r="F11" s="14"/>
      <c r="G11" s="18" t="s">
        <v>20</v>
      </c>
      <c r="H11" s="17"/>
      <c r="I11" s="13">
        <v>23766</v>
      </c>
      <c r="J11" s="14">
        <v>11982</v>
      </c>
      <c r="K11" s="14">
        <v>11784</v>
      </c>
    </row>
    <row r="12" spans="1:11" ht="15" customHeight="1">
      <c r="A12" s="17" t="s">
        <v>21</v>
      </c>
      <c r="B12" s="17"/>
      <c r="C12" s="13">
        <v>2563</v>
      </c>
      <c r="D12" s="19">
        <v>1264</v>
      </c>
      <c r="E12" s="19">
        <v>1299</v>
      </c>
      <c r="F12" s="19"/>
      <c r="G12" s="18" t="s">
        <v>22</v>
      </c>
      <c r="H12" s="17"/>
      <c r="I12" s="13">
        <v>4978</v>
      </c>
      <c r="J12" s="19">
        <v>2485</v>
      </c>
      <c r="K12" s="19">
        <v>2493</v>
      </c>
    </row>
    <row r="13" spans="1:11" ht="15" customHeight="1">
      <c r="A13" s="17" t="s">
        <v>23</v>
      </c>
      <c r="B13" s="17"/>
      <c r="C13" s="13">
        <v>2713</v>
      </c>
      <c r="D13" s="19">
        <v>1343</v>
      </c>
      <c r="E13" s="19">
        <v>1370</v>
      </c>
      <c r="F13" s="19"/>
      <c r="G13" s="18" t="s">
        <v>24</v>
      </c>
      <c r="H13" s="17"/>
      <c r="I13" s="13">
        <v>4927</v>
      </c>
      <c r="J13" s="19">
        <v>2504</v>
      </c>
      <c r="K13" s="19">
        <v>2423</v>
      </c>
    </row>
    <row r="14" spans="1:11" ht="15" customHeight="1">
      <c r="A14" s="17" t="s">
        <v>25</v>
      </c>
      <c r="B14" s="17"/>
      <c r="C14" s="13">
        <v>2733</v>
      </c>
      <c r="D14" s="19">
        <v>1401</v>
      </c>
      <c r="E14" s="19">
        <v>1332</v>
      </c>
      <c r="F14" s="19"/>
      <c r="G14" s="18" t="s">
        <v>26</v>
      </c>
      <c r="H14" s="17"/>
      <c r="I14" s="13">
        <v>4652</v>
      </c>
      <c r="J14" s="19">
        <v>2370</v>
      </c>
      <c r="K14" s="19">
        <v>2282</v>
      </c>
    </row>
    <row r="15" spans="1:11" ht="15" customHeight="1">
      <c r="A15" s="17" t="s">
        <v>27</v>
      </c>
      <c r="B15" s="17"/>
      <c r="C15" s="13">
        <v>2944</v>
      </c>
      <c r="D15" s="19">
        <v>1505</v>
      </c>
      <c r="E15" s="19">
        <v>1439</v>
      </c>
      <c r="F15" s="19"/>
      <c r="G15" s="18" t="s">
        <v>28</v>
      </c>
      <c r="H15" s="17"/>
      <c r="I15" s="13">
        <v>4679</v>
      </c>
      <c r="J15" s="19">
        <v>2371</v>
      </c>
      <c r="K15" s="19">
        <v>2308</v>
      </c>
    </row>
    <row r="16" spans="1:11" ht="15" customHeight="1">
      <c r="A16" s="17" t="s">
        <v>29</v>
      </c>
      <c r="B16" s="17"/>
      <c r="C16" s="13">
        <v>2955</v>
      </c>
      <c r="D16" s="19">
        <v>1503</v>
      </c>
      <c r="E16" s="19">
        <v>1452</v>
      </c>
      <c r="F16" s="19"/>
      <c r="G16" s="18" t="s">
        <v>30</v>
      </c>
      <c r="H16" s="17"/>
      <c r="I16" s="13">
        <v>4530</v>
      </c>
      <c r="J16" s="19">
        <v>2252</v>
      </c>
      <c r="K16" s="19">
        <v>2278</v>
      </c>
    </row>
    <row r="17" spans="1:11" ht="20.100000000000001" customHeight="1">
      <c r="A17" s="20" t="s">
        <v>31</v>
      </c>
      <c r="B17" s="20"/>
      <c r="C17" s="13">
        <v>15489</v>
      </c>
      <c r="D17" s="14">
        <v>7936</v>
      </c>
      <c r="E17" s="14">
        <v>7553</v>
      </c>
      <c r="F17" s="14"/>
      <c r="G17" s="18" t="s">
        <v>32</v>
      </c>
      <c r="H17" s="17"/>
      <c r="I17" s="13">
        <v>22437</v>
      </c>
      <c r="J17" s="14">
        <v>11222</v>
      </c>
      <c r="K17" s="14">
        <v>11215</v>
      </c>
    </row>
    <row r="18" spans="1:11" ht="15" customHeight="1">
      <c r="A18" s="17" t="s">
        <v>33</v>
      </c>
      <c r="B18" s="17"/>
      <c r="C18" s="13">
        <v>2913</v>
      </c>
      <c r="D18" s="19">
        <v>1466</v>
      </c>
      <c r="E18" s="19">
        <v>1447</v>
      </c>
      <c r="F18" s="19"/>
      <c r="G18" s="18" t="s">
        <v>34</v>
      </c>
      <c r="H18" s="17"/>
      <c r="I18" s="13">
        <v>4535</v>
      </c>
      <c r="J18" s="19">
        <v>2342</v>
      </c>
      <c r="K18" s="19">
        <v>2193</v>
      </c>
    </row>
    <row r="19" spans="1:11" ht="15" customHeight="1">
      <c r="A19" s="17" t="s">
        <v>35</v>
      </c>
      <c r="B19" s="17"/>
      <c r="C19" s="13">
        <v>3084</v>
      </c>
      <c r="D19" s="19">
        <v>1591</v>
      </c>
      <c r="E19" s="19">
        <v>1493</v>
      </c>
      <c r="F19" s="19"/>
      <c r="G19" s="18" t="s">
        <v>36</v>
      </c>
      <c r="H19" s="17"/>
      <c r="I19" s="13">
        <v>4533</v>
      </c>
      <c r="J19" s="19">
        <v>2288</v>
      </c>
      <c r="K19" s="19">
        <v>2245</v>
      </c>
    </row>
    <row r="20" spans="1:11" ht="15" customHeight="1">
      <c r="A20" s="17" t="s">
        <v>37</v>
      </c>
      <c r="B20" s="17"/>
      <c r="C20" s="13">
        <v>3122</v>
      </c>
      <c r="D20" s="19">
        <v>1579</v>
      </c>
      <c r="E20" s="19">
        <v>1543</v>
      </c>
      <c r="F20" s="19"/>
      <c r="G20" s="18" t="s">
        <v>38</v>
      </c>
      <c r="H20" s="17"/>
      <c r="I20" s="13">
        <v>4235</v>
      </c>
      <c r="J20" s="19">
        <v>2095</v>
      </c>
      <c r="K20" s="19">
        <v>2140</v>
      </c>
    </row>
    <row r="21" spans="1:11" ht="15" customHeight="1">
      <c r="A21" s="17" t="s">
        <v>39</v>
      </c>
      <c r="B21" s="17"/>
      <c r="C21" s="13">
        <v>3227</v>
      </c>
      <c r="D21" s="19">
        <v>1670</v>
      </c>
      <c r="E21" s="19">
        <v>1557</v>
      </c>
      <c r="F21" s="19"/>
      <c r="G21" s="18" t="s">
        <v>40</v>
      </c>
      <c r="H21" s="17"/>
      <c r="I21" s="13">
        <v>4546</v>
      </c>
      <c r="J21" s="19">
        <v>2237</v>
      </c>
      <c r="K21" s="19">
        <v>2309</v>
      </c>
    </row>
    <row r="22" spans="1:11" ht="15" customHeight="1">
      <c r="A22" s="17" t="s">
        <v>41</v>
      </c>
      <c r="B22" s="17"/>
      <c r="C22" s="13">
        <v>3143</v>
      </c>
      <c r="D22" s="19">
        <v>1630</v>
      </c>
      <c r="E22" s="19">
        <v>1513</v>
      </c>
      <c r="F22" s="19"/>
      <c r="G22" s="18" t="s">
        <v>42</v>
      </c>
      <c r="H22" s="17"/>
      <c r="I22" s="13">
        <v>4588</v>
      </c>
      <c r="J22" s="19">
        <v>2260</v>
      </c>
      <c r="K22" s="19">
        <v>2328</v>
      </c>
    </row>
    <row r="23" spans="1:11" ht="20.100000000000001" customHeight="1">
      <c r="A23" s="17" t="s">
        <v>43</v>
      </c>
      <c r="B23" s="17"/>
      <c r="C23" s="13">
        <v>20189</v>
      </c>
      <c r="D23" s="14">
        <v>11265</v>
      </c>
      <c r="E23" s="14">
        <v>8924</v>
      </c>
      <c r="F23" s="14"/>
      <c r="G23" s="18" t="s">
        <v>44</v>
      </c>
      <c r="H23" s="17"/>
      <c r="I23" s="13">
        <v>26950</v>
      </c>
      <c r="J23" s="14">
        <v>13098</v>
      </c>
      <c r="K23" s="14">
        <v>13852</v>
      </c>
    </row>
    <row r="24" spans="1:11" ht="15" customHeight="1">
      <c r="A24" s="17" t="s">
        <v>45</v>
      </c>
      <c r="B24" s="17"/>
      <c r="C24" s="13">
        <v>3649</v>
      </c>
      <c r="D24" s="19">
        <v>1991</v>
      </c>
      <c r="E24" s="19">
        <v>1658</v>
      </c>
      <c r="F24" s="19"/>
      <c r="G24" s="18" t="s">
        <v>46</v>
      </c>
      <c r="H24" s="17"/>
      <c r="I24" s="13">
        <v>4751</v>
      </c>
      <c r="J24" s="19">
        <v>2323</v>
      </c>
      <c r="K24" s="19">
        <v>2428</v>
      </c>
    </row>
    <row r="25" spans="1:11" ht="15" customHeight="1">
      <c r="A25" s="17" t="s">
        <v>47</v>
      </c>
      <c r="B25" s="17"/>
      <c r="C25" s="13">
        <v>3870</v>
      </c>
      <c r="D25" s="19">
        <v>2140</v>
      </c>
      <c r="E25" s="19">
        <v>1730</v>
      </c>
      <c r="F25" s="19"/>
      <c r="G25" s="18" t="s">
        <v>48</v>
      </c>
      <c r="H25" s="17"/>
      <c r="I25" s="13">
        <v>4878</v>
      </c>
      <c r="J25" s="19">
        <v>2438</v>
      </c>
      <c r="K25" s="19">
        <v>2440</v>
      </c>
    </row>
    <row r="26" spans="1:11" ht="15" customHeight="1">
      <c r="A26" s="17" t="s">
        <v>49</v>
      </c>
      <c r="B26" s="17"/>
      <c r="C26" s="13">
        <v>3810</v>
      </c>
      <c r="D26" s="19">
        <v>2096</v>
      </c>
      <c r="E26" s="19">
        <v>1714</v>
      </c>
      <c r="F26" s="19"/>
      <c r="G26" s="18" t="s">
        <v>50</v>
      </c>
      <c r="H26" s="17"/>
      <c r="I26" s="13">
        <v>5419</v>
      </c>
      <c r="J26" s="19">
        <v>2618</v>
      </c>
      <c r="K26" s="19">
        <v>2801</v>
      </c>
    </row>
    <row r="27" spans="1:11" ht="15" customHeight="1">
      <c r="A27" s="17" t="s">
        <v>51</v>
      </c>
      <c r="B27" s="17"/>
      <c r="C27" s="13">
        <v>4374</v>
      </c>
      <c r="D27" s="19">
        <v>2551</v>
      </c>
      <c r="E27" s="19">
        <v>1823</v>
      </c>
      <c r="F27" s="19"/>
      <c r="G27" s="18" t="s">
        <v>52</v>
      </c>
      <c r="H27" s="17"/>
      <c r="I27" s="13">
        <v>5765</v>
      </c>
      <c r="J27" s="19">
        <v>2768</v>
      </c>
      <c r="K27" s="19">
        <v>2997</v>
      </c>
    </row>
    <row r="28" spans="1:11" ht="15" customHeight="1">
      <c r="A28" s="17" t="s">
        <v>53</v>
      </c>
      <c r="B28" s="17"/>
      <c r="C28" s="13">
        <v>4486</v>
      </c>
      <c r="D28" s="19">
        <v>2487</v>
      </c>
      <c r="E28" s="19">
        <v>1999</v>
      </c>
      <c r="F28" s="19"/>
      <c r="G28" s="18" t="s">
        <v>54</v>
      </c>
      <c r="H28" s="17"/>
      <c r="I28" s="13">
        <v>6137</v>
      </c>
      <c r="J28" s="19">
        <v>2951</v>
      </c>
      <c r="K28" s="19">
        <v>3186</v>
      </c>
    </row>
    <row r="29" spans="1:11" ht="20.100000000000001" customHeight="1">
      <c r="A29" s="17" t="s">
        <v>55</v>
      </c>
      <c r="B29" s="17"/>
      <c r="C29" s="13">
        <v>19564</v>
      </c>
      <c r="D29" s="14">
        <v>10952</v>
      </c>
      <c r="E29" s="14">
        <v>8612</v>
      </c>
      <c r="F29" s="14"/>
      <c r="G29" s="18" t="s">
        <v>56</v>
      </c>
      <c r="H29" s="17"/>
      <c r="I29" s="13">
        <v>31239</v>
      </c>
      <c r="J29" s="14">
        <v>14489</v>
      </c>
      <c r="K29" s="14">
        <v>16750</v>
      </c>
    </row>
    <row r="30" spans="1:11" ht="15" customHeight="1">
      <c r="A30" s="17" t="s">
        <v>57</v>
      </c>
      <c r="B30" s="17"/>
      <c r="C30" s="13">
        <v>4339</v>
      </c>
      <c r="D30" s="19">
        <v>2522</v>
      </c>
      <c r="E30" s="19">
        <v>1817</v>
      </c>
      <c r="F30" s="19"/>
      <c r="G30" s="18" t="s">
        <v>58</v>
      </c>
      <c r="H30" s="17"/>
      <c r="I30" s="13">
        <v>7362</v>
      </c>
      <c r="J30" s="19">
        <v>3503</v>
      </c>
      <c r="K30" s="19">
        <v>3859</v>
      </c>
    </row>
    <row r="31" spans="1:11" ht="15" customHeight="1">
      <c r="A31" s="17" t="s">
        <v>59</v>
      </c>
      <c r="B31" s="17"/>
      <c r="C31" s="13">
        <v>4370</v>
      </c>
      <c r="D31" s="19">
        <v>2496</v>
      </c>
      <c r="E31" s="19">
        <v>1874</v>
      </c>
      <c r="F31" s="19"/>
      <c r="G31" s="18" t="s">
        <v>60</v>
      </c>
      <c r="H31" s="17"/>
      <c r="I31" s="13">
        <v>7025</v>
      </c>
      <c r="J31" s="19">
        <v>3283</v>
      </c>
      <c r="K31" s="19">
        <v>3742</v>
      </c>
    </row>
    <row r="32" spans="1:11" ht="15" customHeight="1">
      <c r="A32" s="17" t="s">
        <v>61</v>
      </c>
      <c r="B32" s="17"/>
      <c r="C32" s="13">
        <v>3673</v>
      </c>
      <c r="D32" s="19">
        <v>1994</v>
      </c>
      <c r="E32" s="19">
        <v>1679</v>
      </c>
      <c r="F32" s="19"/>
      <c r="G32" s="18" t="s">
        <v>62</v>
      </c>
      <c r="H32" s="17"/>
      <c r="I32" s="13">
        <v>7358</v>
      </c>
      <c r="J32" s="19">
        <v>3438</v>
      </c>
      <c r="K32" s="19">
        <v>3920</v>
      </c>
    </row>
    <row r="33" spans="1:11" ht="15" customHeight="1">
      <c r="A33" s="17" t="s">
        <v>63</v>
      </c>
      <c r="B33" s="17"/>
      <c r="C33" s="13">
        <v>3632</v>
      </c>
      <c r="D33" s="19">
        <v>1984</v>
      </c>
      <c r="E33" s="19">
        <v>1648</v>
      </c>
      <c r="F33" s="19"/>
      <c r="G33" s="18" t="s">
        <v>64</v>
      </c>
      <c r="H33" s="17"/>
      <c r="I33" s="13">
        <v>5052</v>
      </c>
      <c r="J33" s="19">
        <v>2290</v>
      </c>
      <c r="K33" s="19">
        <v>2762</v>
      </c>
    </row>
    <row r="34" spans="1:11" ht="15" customHeight="1">
      <c r="A34" s="17" t="s">
        <v>65</v>
      </c>
      <c r="B34" s="17"/>
      <c r="C34" s="13">
        <v>3550</v>
      </c>
      <c r="D34" s="19">
        <v>1956</v>
      </c>
      <c r="E34" s="19">
        <v>1594</v>
      </c>
      <c r="F34" s="19"/>
      <c r="G34" s="18" t="s">
        <v>66</v>
      </c>
      <c r="H34" s="17"/>
      <c r="I34" s="13">
        <v>4442</v>
      </c>
      <c r="J34" s="19">
        <v>1975</v>
      </c>
      <c r="K34" s="19">
        <v>2467</v>
      </c>
    </row>
    <row r="35" spans="1:11" ht="20.100000000000001" customHeight="1">
      <c r="A35" s="17" t="s">
        <v>67</v>
      </c>
      <c r="B35" s="17"/>
      <c r="C35" s="13">
        <v>17233</v>
      </c>
      <c r="D35" s="14">
        <v>9527</v>
      </c>
      <c r="E35" s="14">
        <v>7706</v>
      </c>
      <c r="F35" s="14"/>
      <c r="G35" s="18" t="s">
        <v>68</v>
      </c>
      <c r="H35" s="17"/>
      <c r="I35" s="13">
        <v>27669</v>
      </c>
      <c r="J35" s="14">
        <v>12562</v>
      </c>
      <c r="K35" s="14">
        <v>15107</v>
      </c>
    </row>
    <row r="36" spans="1:11" ht="15" customHeight="1">
      <c r="A36" s="17" t="s">
        <v>69</v>
      </c>
      <c r="B36" s="17"/>
      <c r="C36" s="13">
        <v>3497</v>
      </c>
      <c r="D36" s="19">
        <v>1872</v>
      </c>
      <c r="E36" s="19">
        <v>1625</v>
      </c>
      <c r="F36" s="19"/>
      <c r="G36" s="18" t="s">
        <v>70</v>
      </c>
      <c r="H36" s="17"/>
      <c r="I36" s="13">
        <v>5717</v>
      </c>
      <c r="J36" s="19">
        <v>2584</v>
      </c>
      <c r="K36" s="19">
        <v>3133</v>
      </c>
    </row>
    <row r="37" spans="1:11" ht="15" customHeight="1">
      <c r="A37" s="17" t="s">
        <v>71</v>
      </c>
      <c r="B37" s="17"/>
      <c r="C37" s="13">
        <v>3609</v>
      </c>
      <c r="D37" s="19">
        <v>2062</v>
      </c>
      <c r="E37" s="19">
        <v>1547</v>
      </c>
      <c r="F37" s="19"/>
      <c r="G37" s="18" t="s">
        <v>72</v>
      </c>
      <c r="H37" s="17"/>
      <c r="I37" s="13">
        <v>5874</v>
      </c>
      <c r="J37" s="19">
        <v>2684</v>
      </c>
      <c r="K37" s="19">
        <v>3190</v>
      </c>
    </row>
    <row r="38" spans="1:11" ht="15" customHeight="1">
      <c r="A38" s="17" t="s">
        <v>73</v>
      </c>
      <c r="B38" s="17"/>
      <c r="C38" s="13">
        <v>3329</v>
      </c>
      <c r="D38" s="19">
        <v>1864</v>
      </c>
      <c r="E38" s="19">
        <v>1465</v>
      </c>
      <c r="F38" s="19"/>
      <c r="G38" s="18" t="s">
        <v>74</v>
      </c>
      <c r="H38" s="17"/>
      <c r="I38" s="13">
        <v>5600</v>
      </c>
      <c r="J38" s="19">
        <v>2613</v>
      </c>
      <c r="K38" s="19">
        <v>2987</v>
      </c>
    </row>
    <row r="39" spans="1:11" ht="15" customHeight="1">
      <c r="A39" s="17" t="s">
        <v>75</v>
      </c>
      <c r="B39" s="17"/>
      <c r="C39" s="13">
        <v>3398</v>
      </c>
      <c r="D39" s="19">
        <v>1903</v>
      </c>
      <c r="E39" s="19">
        <v>1495</v>
      </c>
      <c r="F39" s="19"/>
      <c r="G39" s="18" t="s">
        <v>76</v>
      </c>
      <c r="H39" s="17"/>
      <c r="I39" s="13">
        <v>5636</v>
      </c>
      <c r="J39" s="19">
        <v>2531</v>
      </c>
      <c r="K39" s="19">
        <v>3105</v>
      </c>
    </row>
    <row r="40" spans="1:11" ht="15" customHeight="1">
      <c r="A40" s="17" t="s">
        <v>77</v>
      </c>
      <c r="B40" s="17"/>
      <c r="C40" s="13">
        <v>3400</v>
      </c>
      <c r="D40" s="19">
        <v>1826</v>
      </c>
      <c r="E40" s="19">
        <v>1574</v>
      </c>
      <c r="F40" s="19"/>
      <c r="G40" s="18" t="s">
        <v>78</v>
      </c>
      <c r="H40" s="17"/>
      <c r="I40" s="13">
        <v>4842</v>
      </c>
      <c r="J40" s="19">
        <v>2150</v>
      </c>
      <c r="K40" s="19">
        <v>2692</v>
      </c>
    </row>
    <row r="41" spans="1:11" ht="20.100000000000001" customHeight="1">
      <c r="A41" s="17" t="s">
        <v>79</v>
      </c>
      <c r="B41" s="17"/>
      <c r="C41" s="13">
        <v>18022</v>
      </c>
      <c r="D41" s="14">
        <v>9728</v>
      </c>
      <c r="E41" s="14">
        <v>8294</v>
      </c>
      <c r="F41" s="14"/>
      <c r="G41" s="18" t="s">
        <v>80</v>
      </c>
      <c r="H41" s="17"/>
      <c r="I41" s="13">
        <v>19276</v>
      </c>
      <c r="J41" s="14">
        <v>8347</v>
      </c>
      <c r="K41" s="14">
        <v>10929</v>
      </c>
    </row>
    <row r="42" spans="1:11" ht="15" customHeight="1">
      <c r="A42" s="17" t="s">
        <v>81</v>
      </c>
      <c r="B42" s="17"/>
      <c r="C42" s="13">
        <v>3432</v>
      </c>
      <c r="D42" s="19">
        <v>1841</v>
      </c>
      <c r="E42" s="19">
        <v>1591</v>
      </c>
      <c r="F42" s="19"/>
      <c r="G42" s="18" t="s">
        <v>82</v>
      </c>
      <c r="H42" s="17"/>
      <c r="I42" s="13">
        <v>4246</v>
      </c>
      <c r="J42" s="19">
        <v>1918</v>
      </c>
      <c r="K42" s="19">
        <v>2328</v>
      </c>
    </row>
    <row r="43" spans="1:11" ht="15" customHeight="1">
      <c r="A43" s="17" t="s">
        <v>83</v>
      </c>
      <c r="B43" s="17"/>
      <c r="C43" s="13">
        <v>3630</v>
      </c>
      <c r="D43" s="19">
        <v>1990</v>
      </c>
      <c r="E43" s="19">
        <v>1640</v>
      </c>
      <c r="F43" s="19"/>
      <c r="G43" s="18" t="s">
        <v>84</v>
      </c>
      <c r="H43" s="17"/>
      <c r="I43" s="13">
        <v>3813</v>
      </c>
      <c r="J43" s="19">
        <v>1659</v>
      </c>
      <c r="K43" s="19">
        <v>2154</v>
      </c>
    </row>
    <row r="44" spans="1:11" ht="15" customHeight="1">
      <c r="A44" s="17" t="s">
        <v>85</v>
      </c>
      <c r="B44" s="17"/>
      <c r="C44" s="13">
        <v>3653</v>
      </c>
      <c r="D44" s="19">
        <v>1977</v>
      </c>
      <c r="E44" s="19">
        <v>1676</v>
      </c>
      <c r="F44" s="19"/>
      <c r="G44" s="18" t="s">
        <v>86</v>
      </c>
      <c r="H44" s="17"/>
      <c r="I44" s="13">
        <v>3941</v>
      </c>
      <c r="J44" s="19">
        <v>1701</v>
      </c>
      <c r="K44" s="19">
        <v>2240</v>
      </c>
    </row>
    <row r="45" spans="1:11" ht="15" customHeight="1">
      <c r="A45" s="17" t="s">
        <v>87</v>
      </c>
      <c r="B45" s="17"/>
      <c r="C45" s="13">
        <v>3591</v>
      </c>
      <c r="D45" s="19">
        <v>1988</v>
      </c>
      <c r="E45" s="19">
        <v>1603</v>
      </c>
      <c r="F45" s="19"/>
      <c r="G45" s="18" t="s">
        <v>88</v>
      </c>
      <c r="H45" s="17"/>
      <c r="I45" s="13">
        <v>3588</v>
      </c>
      <c r="J45" s="19">
        <v>1558</v>
      </c>
      <c r="K45" s="19">
        <v>2030</v>
      </c>
    </row>
    <row r="46" spans="1:11" ht="15" customHeight="1">
      <c r="A46" s="17" t="s">
        <v>89</v>
      </c>
      <c r="B46" s="17"/>
      <c r="C46" s="13">
        <v>3716</v>
      </c>
      <c r="D46" s="19">
        <v>1932</v>
      </c>
      <c r="E46" s="19">
        <v>1784</v>
      </c>
      <c r="F46" s="19"/>
      <c r="G46" s="18" t="s">
        <v>90</v>
      </c>
      <c r="H46" s="17"/>
      <c r="I46" s="13">
        <v>3688</v>
      </c>
      <c r="J46" s="19">
        <v>1511</v>
      </c>
      <c r="K46" s="19">
        <v>2177</v>
      </c>
    </row>
    <row r="47" spans="1:11" ht="20.100000000000001" customHeight="1">
      <c r="A47" s="17" t="s">
        <v>91</v>
      </c>
      <c r="B47" s="17"/>
      <c r="C47" s="13">
        <v>20037</v>
      </c>
      <c r="D47" s="14">
        <v>10483</v>
      </c>
      <c r="E47" s="14">
        <v>9554</v>
      </c>
      <c r="F47" s="14"/>
      <c r="G47" s="18" t="s">
        <v>92</v>
      </c>
      <c r="H47" s="17"/>
      <c r="I47" s="13">
        <v>12077</v>
      </c>
      <c r="J47" s="14">
        <v>4544</v>
      </c>
      <c r="K47" s="14">
        <v>7533</v>
      </c>
    </row>
    <row r="48" spans="1:11" ht="15" customHeight="1">
      <c r="A48" s="17" t="s">
        <v>93</v>
      </c>
      <c r="B48" s="17"/>
      <c r="C48" s="13">
        <v>3831</v>
      </c>
      <c r="D48" s="19">
        <v>2037</v>
      </c>
      <c r="E48" s="19">
        <v>1794</v>
      </c>
      <c r="F48" s="19"/>
      <c r="G48" s="18" t="s">
        <v>94</v>
      </c>
      <c r="H48" s="17"/>
      <c r="I48" s="13">
        <v>2977</v>
      </c>
      <c r="J48" s="19">
        <v>1176</v>
      </c>
      <c r="K48" s="19">
        <v>1801</v>
      </c>
    </row>
    <row r="49" spans="1:11" ht="15" customHeight="1">
      <c r="A49" s="17" t="s">
        <v>95</v>
      </c>
      <c r="B49" s="17"/>
      <c r="C49" s="13">
        <v>4040</v>
      </c>
      <c r="D49" s="19">
        <v>2149</v>
      </c>
      <c r="E49" s="19">
        <v>1891</v>
      </c>
      <c r="F49" s="19"/>
      <c r="G49" s="18" t="s">
        <v>96</v>
      </c>
      <c r="H49" s="17"/>
      <c r="I49" s="13">
        <v>2870</v>
      </c>
      <c r="J49" s="19">
        <v>1147</v>
      </c>
      <c r="K49" s="19">
        <v>1723</v>
      </c>
    </row>
    <row r="50" spans="1:11" ht="15" customHeight="1">
      <c r="A50" s="17" t="s">
        <v>97</v>
      </c>
      <c r="B50" s="17"/>
      <c r="C50" s="13">
        <v>3975</v>
      </c>
      <c r="D50" s="19">
        <v>2105</v>
      </c>
      <c r="E50" s="19">
        <v>1870</v>
      </c>
      <c r="F50" s="19"/>
      <c r="G50" s="18" t="s">
        <v>98</v>
      </c>
      <c r="H50" s="17"/>
      <c r="I50" s="13">
        <v>2374</v>
      </c>
      <c r="J50" s="19">
        <v>884</v>
      </c>
      <c r="K50" s="19">
        <v>1490</v>
      </c>
    </row>
    <row r="51" spans="1:11" ht="15" customHeight="1">
      <c r="A51" s="17" t="s">
        <v>99</v>
      </c>
      <c r="B51" s="17"/>
      <c r="C51" s="13">
        <v>3990</v>
      </c>
      <c r="D51" s="19">
        <v>2069</v>
      </c>
      <c r="E51" s="19">
        <v>1921</v>
      </c>
      <c r="F51" s="19"/>
      <c r="G51" s="18" t="s">
        <v>100</v>
      </c>
      <c r="H51" s="17"/>
      <c r="I51" s="13">
        <v>2105</v>
      </c>
      <c r="J51" s="19">
        <v>742</v>
      </c>
      <c r="K51" s="19">
        <v>1363</v>
      </c>
    </row>
    <row r="52" spans="1:11" ht="15" customHeight="1">
      <c r="A52" s="17" t="s">
        <v>101</v>
      </c>
      <c r="B52" s="17"/>
      <c r="C52" s="13">
        <v>4201</v>
      </c>
      <c r="D52" s="19">
        <v>2123</v>
      </c>
      <c r="E52" s="19">
        <v>2078</v>
      </c>
      <c r="F52" s="19"/>
      <c r="G52" s="18" t="s">
        <v>102</v>
      </c>
      <c r="H52" s="17"/>
      <c r="I52" s="13">
        <v>1751</v>
      </c>
      <c r="J52" s="19">
        <v>595</v>
      </c>
      <c r="K52" s="19">
        <v>1156</v>
      </c>
    </row>
    <row r="53" spans="1:11" ht="20.100000000000001" customHeight="1">
      <c r="A53" s="17" t="s">
        <v>103</v>
      </c>
      <c r="B53" s="17"/>
      <c r="C53" s="13">
        <v>25113</v>
      </c>
      <c r="D53" s="14">
        <v>13169</v>
      </c>
      <c r="E53" s="14">
        <v>11944</v>
      </c>
      <c r="F53" s="14"/>
      <c r="G53" s="18" t="s">
        <v>104</v>
      </c>
      <c r="H53" s="17"/>
      <c r="I53" s="13">
        <v>5425</v>
      </c>
      <c r="J53" s="14">
        <v>1612</v>
      </c>
      <c r="K53" s="14">
        <v>3813</v>
      </c>
    </row>
    <row r="54" spans="1:11" ht="15" customHeight="1">
      <c r="A54" s="17" t="s">
        <v>105</v>
      </c>
      <c r="B54" s="17"/>
      <c r="C54" s="13">
        <v>4550</v>
      </c>
      <c r="D54" s="19">
        <v>2443</v>
      </c>
      <c r="E54" s="19">
        <v>2107</v>
      </c>
      <c r="F54" s="19"/>
      <c r="G54" s="18" t="s">
        <v>106</v>
      </c>
      <c r="H54" s="17"/>
      <c r="I54" s="13">
        <v>1465</v>
      </c>
      <c r="J54" s="19">
        <v>461</v>
      </c>
      <c r="K54" s="19">
        <v>1004</v>
      </c>
    </row>
    <row r="55" spans="1:11" ht="15" customHeight="1">
      <c r="A55" s="17" t="s">
        <v>107</v>
      </c>
      <c r="B55" s="17"/>
      <c r="C55" s="13">
        <v>4681</v>
      </c>
      <c r="D55" s="19">
        <v>2425</v>
      </c>
      <c r="E55" s="19">
        <v>2256</v>
      </c>
      <c r="F55" s="19"/>
      <c r="G55" s="18" t="s">
        <v>108</v>
      </c>
      <c r="H55" s="17"/>
      <c r="I55" s="13">
        <v>1269</v>
      </c>
      <c r="J55" s="19">
        <v>376</v>
      </c>
      <c r="K55" s="19">
        <v>893</v>
      </c>
    </row>
    <row r="56" spans="1:11" ht="15" customHeight="1">
      <c r="A56" s="17" t="s">
        <v>109</v>
      </c>
      <c r="B56" s="17"/>
      <c r="C56" s="13">
        <v>4940</v>
      </c>
      <c r="D56" s="19">
        <v>2590</v>
      </c>
      <c r="E56" s="19">
        <v>2350</v>
      </c>
      <c r="F56" s="19"/>
      <c r="G56" s="18" t="s">
        <v>110</v>
      </c>
      <c r="H56" s="17"/>
      <c r="I56" s="13">
        <v>1143</v>
      </c>
      <c r="J56" s="19">
        <v>356</v>
      </c>
      <c r="K56" s="19">
        <v>787</v>
      </c>
    </row>
    <row r="57" spans="1:11" ht="15" customHeight="1">
      <c r="A57" s="17" t="s">
        <v>111</v>
      </c>
      <c r="B57" s="17"/>
      <c r="C57" s="13">
        <v>5319</v>
      </c>
      <c r="D57" s="19">
        <v>2793</v>
      </c>
      <c r="E57" s="19">
        <v>2526</v>
      </c>
      <c r="F57" s="19"/>
      <c r="G57" s="18" t="s">
        <v>112</v>
      </c>
      <c r="H57" s="17"/>
      <c r="I57" s="13">
        <v>806</v>
      </c>
      <c r="J57" s="19">
        <v>246</v>
      </c>
      <c r="K57" s="19">
        <v>560</v>
      </c>
    </row>
    <row r="58" spans="1:11" ht="15" customHeight="1">
      <c r="A58" s="17" t="s">
        <v>113</v>
      </c>
      <c r="B58" s="17"/>
      <c r="C58" s="13">
        <v>5623</v>
      </c>
      <c r="D58" s="19">
        <v>2918</v>
      </c>
      <c r="E58" s="19">
        <v>2705</v>
      </c>
      <c r="F58" s="19"/>
      <c r="G58" s="18" t="s">
        <v>114</v>
      </c>
      <c r="H58" s="17"/>
      <c r="I58" s="13">
        <v>742</v>
      </c>
      <c r="J58" s="19">
        <v>173</v>
      </c>
      <c r="K58" s="19">
        <v>569</v>
      </c>
    </row>
    <row r="59" spans="1:11" ht="20.100000000000001" customHeight="1">
      <c r="A59" s="17" t="s">
        <v>115</v>
      </c>
      <c r="B59" s="17"/>
      <c r="C59" s="13">
        <v>31333</v>
      </c>
      <c r="D59" s="14">
        <v>16233</v>
      </c>
      <c r="E59" s="14">
        <v>15100</v>
      </c>
      <c r="F59" s="14"/>
      <c r="G59" s="18" t="s">
        <v>116</v>
      </c>
      <c r="H59" s="17"/>
      <c r="I59" s="13">
        <v>1552</v>
      </c>
      <c r="J59" s="14">
        <v>295</v>
      </c>
      <c r="K59" s="14">
        <v>1257</v>
      </c>
    </row>
    <row r="60" spans="1:11" ht="15" customHeight="1">
      <c r="A60" s="17" t="s">
        <v>117</v>
      </c>
      <c r="B60" s="17"/>
      <c r="C60" s="13">
        <v>5973</v>
      </c>
      <c r="D60" s="19">
        <v>3067</v>
      </c>
      <c r="E60" s="19">
        <v>2906</v>
      </c>
      <c r="F60" s="19"/>
      <c r="G60" s="18" t="s">
        <v>118</v>
      </c>
      <c r="H60" s="17"/>
      <c r="I60" s="13">
        <v>488</v>
      </c>
      <c r="J60" s="19">
        <v>81</v>
      </c>
      <c r="K60" s="19">
        <v>407</v>
      </c>
    </row>
    <row r="61" spans="1:11" ht="15" customHeight="1">
      <c r="A61" s="17" t="s">
        <v>119</v>
      </c>
      <c r="B61" s="17"/>
      <c r="C61" s="13">
        <v>6341</v>
      </c>
      <c r="D61" s="19">
        <v>3269</v>
      </c>
      <c r="E61" s="19">
        <v>3072</v>
      </c>
      <c r="F61" s="19"/>
      <c r="G61" s="18" t="s">
        <v>120</v>
      </c>
      <c r="H61" s="17"/>
      <c r="I61" s="13">
        <v>407</v>
      </c>
      <c r="J61" s="19">
        <v>103</v>
      </c>
      <c r="K61" s="19">
        <v>304</v>
      </c>
    </row>
    <row r="62" spans="1:11" ht="15" customHeight="1">
      <c r="A62" s="17" t="s">
        <v>121</v>
      </c>
      <c r="B62" s="17"/>
      <c r="C62" s="13">
        <v>6450</v>
      </c>
      <c r="D62" s="19">
        <v>3369</v>
      </c>
      <c r="E62" s="19">
        <v>3081</v>
      </c>
      <c r="F62" s="19"/>
      <c r="G62" s="18" t="s">
        <v>122</v>
      </c>
      <c r="H62" s="17"/>
      <c r="I62" s="13">
        <v>285</v>
      </c>
      <c r="J62" s="19">
        <v>54</v>
      </c>
      <c r="K62" s="19">
        <v>231</v>
      </c>
    </row>
    <row r="63" spans="1:11" ht="15" customHeight="1">
      <c r="A63" s="17" t="s">
        <v>123</v>
      </c>
      <c r="B63" s="17"/>
      <c r="C63" s="13">
        <v>6355</v>
      </c>
      <c r="D63" s="19">
        <v>3325</v>
      </c>
      <c r="E63" s="19">
        <v>3030</v>
      </c>
      <c r="F63" s="19"/>
      <c r="G63" s="18" t="s">
        <v>124</v>
      </c>
      <c r="H63" s="17"/>
      <c r="I63" s="13">
        <v>220</v>
      </c>
      <c r="J63" s="19">
        <v>29</v>
      </c>
      <c r="K63" s="19">
        <v>191</v>
      </c>
    </row>
    <row r="64" spans="1:11" ht="15" customHeight="1">
      <c r="A64" s="17" t="s">
        <v>125</v>
      </c>
      <c r="B64" s="17"/>
      <c r="C64" s="13">
        <v>6214</v>
      </c>
      <c r="D64" s="19">
        <v>3203</v>
      </c>
      <c r="E64" s="19">
        <v>3011</v>
      </c>
      <c r="F64" s="19"/>
      <c r="G64" s="18" t="s">
        <v>126</v>
      </c>
      <c r="H64" s="17"/>
      <c r="I64" s="13">
        <v>152</v>
      </c>
      <c r="J64" s="19">
        <v>28</v>
      </c>
      <c r="K64" s="19">
        <v>12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29</v>
      </c>
      <c r="J65" s="19">
        <v>49</v>
      </c>
      <c r="K65" s="19">
        <v>28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43</v>
      </c>
      <c r="J66" s="29">
        <v>951</v>
      </c>
      <c r="K66" s="29">
        <v>49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2293</v>
      </c>
      <c r="D4" s="14">
        <v>81021</v>
      </c>
      <c r="E4" s="14">
        <v>9127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88</v>
      </c>
      <c r="D5" s="14">
        <v>2877</v>
      </c>
      <c r="E5" s="14">
        <v>2711</v>
      </c>
      <c r="F5" s="14"/>
      <c r="G5" s="18" t="s">
        <v>8</v>
      </c>
      <c r="H5" s="17"/>
      <c r="I5" s="13">
        <v>14143</v>
      </c>
      <c r="J5" s="14">
        <v>7050</v>
      </c>
      <c r="K5" s="14">
        <v>7093</v>
      </c>
    </row>
    <row r="6" spans="1:11" ht="15" customHeight="1">
      <c r="A6" s="17" t="s">
        <v>9</v>
      </c>
      <c r="B6" s="17"/>
      <c r="C6" s="13">
        <v>1002</v>
      </c>
      <c r="D6" s="19">
        <v>514</v>
      </c>
      <c r="E6" s="19">
        <v>488</v>
      </c>
      <c r="F6" s="19"/>
      <c r="G6" s="18" t="s">
        <v>10</v>
      </c>
      <c r="H6" s="17"/>
      <c r="I6" s="13">
        <v>3022</v>
      </c>
      <c r="J6" s="19">
        <v>1484</v>
      </c>
      <c r="K6" s="19">
        <v>1538</v>
      </c>
    </row>
    <row r="7" spans="1:11" ht="15" customHeight="1">
      <c r="A7" s="17" t="s">
        <v>11</v>
      </c>
      <c r="B7" s="17"/>
      <c r="C7" s="13">
        <v>1038</v>
      </c>
      <c r="D7" s="19">
        <v>520</v>
      </c>
      <c r="E7" s="19">
        <v>518</v>
      </c>
      <c r="F7" s="19"/>
      <c r="G7" s="18" t="s">
        <v>12</v>
      </c>
      <c r="H7" s="17"/>
      <c r="I7" s="13">
        <v>3080</v>
      </c>
      <c r="J7" s="19">
        <v>1557</v>
      </c>
      <c r="K7" s="19">
        <v>1523</v>
      </c>
    </row>
    <row r="8" spans="1:11" ht="15" customHeight="1">
      <c r="A8" s="17" t="s">
        <v>13</v>
      </c>
      <c r="B8" s="17"/>
      <c r="C8" s="13">
        <v>1106</v>
      </c>
      <c r="D8" s="19">
        <v>569</v>
      </c>
      <c r="E8" s="19">
        <v>537</v>
      </c>
      <c r="F8" s="19"/>
      <c r="G8" s="18" t="s">
        <v>14</v>
      </c>
      <c r="H8" s="17"/>
      <c r="I8" s="13">
        <v>2960</v>
      </c>
      <c r="J8" s="19">
        <v>1471</v>
      </c>
      <c r="K8" s="19">
        <v>1489</v>
      </c>
    </row>
    <row r="9" spans="1:11" ht="15" customHeight="1">
      <c r="A9" s="17" t="s">
        <v>15</v>
      </c>
      <c r="B9" s="17"/>
      <c r="C9" s="13">
        <v>1240</v>
      </c>
      <c r="D9" s="19">
        <v>643</v>
      </c>
      <c r="E9" s="19">
        <v>597</v>
      </c>
      <c r="F9" s="19"/>
      <c r="G9" s="18" t="s">
        <v>16</v>
      </c>
      <c r="H9" s="17"/>
      <c r="I9" s="13">
        <v>2298</v>
      </c>
      <c r="J9" s="19">
        <v>1160</v>
      </c>
      <c r="K9" s="19">
        <v>1138</v>
      </c>
    </row>
    <row r="10" spans="1:11" ht="15" customHeight="1">
      <c r="A10" s="17" t="s">
        <v>17</v>
      </c>
      <c r="B10" s="17"/>
      <c r="C10" s="13">
        <v>1202</v>
      </c>
      <c r="D10" s="19">
        <v>631</v>
      </c>
      <c r="E10" s="19">
        <v>571</v>
      </c>
      <c r="F10" s="19"/>
      <c r="G10" s="18" t="s">
        <v>18</v>
      </c>
      <c r="H10" s="17"/>
      <c r="I10" s="13">
        <v>2783</v>
      </c>
      <c r="J10" s="19">
        <v>1378</v>
      </c>
      <c r="K10" s="19">
        <v>1405</v>
      </c>
    </row>
    <row r="11" spans="1:11" ht="20.100000000000001" customHeight="1">
      <c r="A11" s="17" t="s">
        <v>19</v>
      </c>
      <c r="B11" s="17"/>
      <c r="C11" s="13">
        <v>6764</v>
      </c>
      <c r="D11" s="14">
        <v>3447</v>
      </c>
      <c r="E11" s="14">
        <v>3317</v>
      </c>
      <c r="F11" s="14"/>
      <c r="G11" s="18" t="s">
        <v>20</v>
      </c>
      <c r="H11" s="17"/>
      <c r="I11" s="13">
        <v>11584</v>
      </c>
      <c r="J11" s="14">
        <v>5861</v>
      </c>
      <c r="K11" s="14">
        <v>5723</v>
      </c>
    </row>
    <row r="12" spans="1:11" ht="15" customHeight="1">
      <c r="A12" s="17" t="s">
        <v>21</v>
      </c>
      <c r="B12" s="17"/>
      <c r="C12" s="13">
        <v>1212</v>
      </c>
      <c r="D12" s="19">
        <v>614</v>
      </c>
      <c r="E12" s="19">
        <v>598</v>
      </c>
      <c r="F12" s="19"/>
      <c r="G12" s="18" t="s">
        <v>22</v>
      </c>
      <c r="H12" s="17"/>
      <c r="I12" s="13">
        <v>2579</v>
      </c>
      <c r="J12" s="19">
        <v>1333</v>
      </c>
      <c r="K12" s="19">
        <v>1246</v>
      </c>
    </row>
    <row r="13" spans="1:11" ht="15" customHeight="1">
      <c r="A13" s="17" t="s">
        <v>23</v>
      </c>
      <c r="B13" s="17"/>
      <c r="C13" s="13">
        <v>1336</v>
      </c>
      <c r="D13" s="19">
        <v>688</v>
      </c>
      <c r="E13" s="19">
        <v>648</v>
      </c>
      <c r="F13" s="19"/>
      <c r="G13" s="18" t="s">
        <v>24</v>
      </c>
      <c r="H13" s="17"/>
      <c r="I13" s="13">
        <v>2444</v>
      </c>
      <c r="J13" s="19">
        <v>1218</v>
      </c>
      <c r="K13" s="19">
        <v>1226</v>
      </c>
    </row>
    <row r="14" spans="1:11" ht="15" customHeight="1">
      <c r="A14" s="17" t="s">
        <v>25</v>
      </c>
      <c r="B14" s="17"/>
      <c r="C14" s="13">
        <v>1375</v>
      </c>
      <c r="D14" s="19">
        <v>693</v>
      </c>
      <c r="E14" s="19">
        <v>682</v>
      </c>
      <c r="F14" s="19"/>
      <c r="G14" s="18" t="s">
        <v>26</v>
      </c>
      <c r="H14" s="17"/>
      <c r="I14" s="13">
        <v>2247</v>
      </c>
      <c r="J14" s="19">
        <v>1164</v>
      </c>
      <c r="K14" s="19">
        <v>1083</v>
      </c>
    </row>
    <row r="15" spans="1:11" ht="15" customHeight="1">
      <c r="A15" s="17" t="s">
        <v>27</v>
      </c>
      <c r="B15" s="17"/>
      <c r="C15" s="13">
        <v>1379</v>
      </c>
      <c r="D15" s="19">
        <v>706</v>
      </c>
      <c r="E15" s="19">
        <v>673</v>
      </c>
      <c r="F15" s="19"/>
      <c r="G15" s="18" t="s">
        <v>28</v>
      </c>
      <c r="H15" s="17"/>
      <c r="I15" s="13">
        <v>2153</v>
      </c>
      <c r="J15" s="19">
        <v>1083</v>
      </c>
      <c r="K15" s="19">
        <v>1070</v>
      </c>
    </row>
    <row r="16" spans="1:11" ht="15" customHeight="1">
      <c r="A16" s="17" t="s">
        <v>29</v>
      </c>
      <c r="B16" s="17"/>
      <c r="C16" s="13">
        <v>1462</v>
      </c>
      <c r="D16" s="19">
        <v>746</v>
      </c>
      <c r="E16" s="19">
        <v>716</v>
      </c>
      <c r="F16" s="19"/>
      <c r="G16" s="18" t="s">
        <v>30</v>
      </c>
      <c r="H16" s="17"/>
      <c r="I16" s="13">
        <v>2161</v>
      </c>
      <c r="J16" s="19">
        <v>1063</v>
      </c>
      <c r="K16" s="19">
        <v>1098</v>
      </c>
    </row>
    <row r="17" spans="1:11" ht="20.100000000000001" customHeight="1">
      <c r="A17" s="20" t="s">
        <v>31</v>
      </c>
      <c r="B17" s="20"/>
      <c r="C17" s="13">
        <v>7338</v>
      </c>
      <c r="D17" s="14">
        <v>3694</v>
      </c>
      <c r="E17" s="14">
        <v>3644</v>
      </c>
      <c r="F17" s="14"/>
      <c r="G17" s="18" t="s">
        <v>32</v>
      </c>
      <c r="H17" s="17"/>
      <c r="I17" s="13">
        <v>9350</v>
      </c>
      <c r="J17" s="14">
        <v>4593</v>
      </c>
      <c r="K17" s="14">
        <v>4757</v>
      </c>
    </row>
    <row r="18" spans="1:11" ht="15" customHeight="1">
      <c r="A18" s="17" t="s">
        <v>33</v>
      </c>
      <c r="B18" s="17"/>
      <c r="C18" s="13">
        <v>1441</v>
      </c>
      <c r="D18" s="19">
        <v>734</v>
      </c>
      <c r="E18" s="19">
        <v>707</v>
      </c>
      <c r="F18" s="19"/>
      <c r="G18" s="18" t="s">
        <v>34</v>
      </c>
      <c r="H18" s="17"/>
      <c r="I18" s="13">
        <v>1980</v>
      </c>
      <c r="J18" s="19">
        <v>993</v>
      </c>
      <c r="K18" s="19">
        <v>987</v>
      </c>
    </row>
    <row r="19" spans="1:11" ht="15" customHeight="1">
      <c r="A19" s="17" t="s">
        <v>35</v>
      </c>
      <c r="B19" s="17"/>
      <c r="C19" s="13">
        <v>1443</v>
      </c>
      <c r="D19" s="19">
        <v>762</v>
      </c>
      <c r="E19" s="19">
        <v>681</v>
      </c>
      <c r="F19" s="19"/>
      <c r="G19" s="18" t="s">
        <v>36</v>
      </c>
      <c r="H19" s="17"/>
      <c r="I19" s="13">
        <v>1941</v>
      </c>
      <c r="J19" s="19">
        <v>978</v>
      </c>
      <c r="K19" s="19">
        <v>963</v>
      </c>
    </row>
    <row r="20" spans="1:11" ht="15" customHeight="1">
      <c r="A20" s="17" t="s">
        <v>37</v>
      </c>
      <c r="B20" s="17"/>
      <c r="C20" s="13">
        <v>1514</v>
      </c>
      <c r="D20" s="19">
        <v>779</v>
      </c>
      <c r="E20" s="19">
        <v>735</v>
      </c>
      <c r="F20" s="19"/>
      <c r="G20" s="18" t="s">
        <v>38</v>
      </c>
      <c r="H20" s="17"/>
      <c r="I20" s="13">
        <v>1794</v>
      </c>
      <c r="J20" s="19">
        <v>916</v>
      </c>
      <c r="K20" s="19">
        <v>878</v>
      </c>
    </row>
    <row r="21" spans="1:11" ht="15" customHeight="1">
      <c r="A21" s="17" t="s">
        <v>39</v>
      </c>
      <c r="B21" s="17"/>
      <c r="C21" s="13">
        <v>1485</v>
      </c>
      <c r="D21" s="19">
        <v>734</v>
      </c>
      <c r="E21" s="19">
        <v>751</v>
      </c>
      <c r="F21" s="19"/>
      <c r="G21" s="18" t="s">
        <v>40</v>
      </c>
      <c r="H21" s="17"/>
      <c r="I21" s="13">
        <v>1756</v>
      </c>
      <c r="J21" s="19">
        <v>847</v>
      </c>
      <c r="K21" s="19">
        <v>909</v>
      </c>
    </row>
    <row r="22" spans="1:11" ht="15" customHeight="1">
      <c r="A22" s="17" t="s">
        <v>41</v>
      </c>
      <c r="B22" s="17"/>
      <c r="C22" s="13">
        <v>1455</v>
      </c>
      <c r="D22" s="19">
        <v>685</v>
      </c>
      <c r="E22" s="19">
        <v>770</v>
      </c>
      <c r="F22" s="19"/>
      <c r="G22" s="18" t="s">
        <v>42</v>
      </c>
      <c r="H22" s="17"/>
      <c r="I22" s="13">
        <v>1879</v>
      </c>
      <c r="J22" s="19">
        <v>859</v>
      </c>
      <c r="K22" s="19">
        <v>1020</v>
      </c>
    </row>
    <row r="23" spans="1:11" ht="20.100000000000001" customHeight="1">
      <c r="A23" s="17" t="s">
        <v>43</v>
      </c>
      <c r="B23" s="17"/>
      <c r="C23" s="13">
        <v>7660</v>
      </c>
      <c r="D23" s="14">
        <v>3908</v>
      </c>
      <c r="E23" s="14">
        <v>3752</v>
      </c>
      <c r="F23" s="14"/>
      <c r="G23" s="18" t="s">
        <v>44</v>
      </c>
      <c r="H23" s="17"/>
      <c r="I23" s="13">
        <v>10246</v>
      </c>
      <c r="J23" s="14">
        <v>4776</v>
      </c>
      <c r="K23" s="14">
        <v>5470</v>
      </c>
    </row>
    <row r="24" spans="1:11" ht="15" customHeight="1">
      <c r="A24" s="17" t="s">
        <v>45</v>
      </c>
      <c r="B24" s="17"/>
      <c r="C24" s="13">
        <v>1433</v>
      </c>
      <c r="D24" s="19">
        <v>759</v>
      </c>
      <c r="E24" s="19">
        <v>674</v>
      </c>
      <c r="F24" s="19"/>
      <c r="G24" s="18" t="s">
        <v>46</v>
      </c>
      <c r="H24" s="17"/>
      <c r="I24" s="13">
        <v>1787</v>
      </c>
      <c r="J24" s="19">
        <v>872</v>
      </c>
      <c r="K24" s="19">
        <v>915</v>
      </c>
    </row>
    <row r="25" spans="1:11" ht="15" customHeight="1">
      <c r="A25" s="17" t="s">
        <v>47</v>
      </c>
      <c r="B25" s="17"/>
      <c r="C25" s="13">
        <v>1581</v>
      </c>
      <c r="D25" s="19">
        <v>820</v>
      </c>
      <c r="E25" s="19">
        <v>761</v>
      </c>
      <c r="F25" s="19"/>
      <c r="G25" s="18" t="s">
        <v>48</v>
      </c>
      <c r="H25" s="17"/>
      <c r="I25" s="13">
        <v>1929</v>
      </c>
      <c r="J25" s="19">
        <v>916</v>
      </c>
      <c r="K25" s="19">
        <v>1013</v>
      </c>
    </row>
    <row r="26" spans="1:11" ht="15" customHeight="1">
      <c r="A26" s="17" t="s">
        <v>49</v>
      </c>
      <c r="B26" s="17"/>
      <c r="C26" s="13">
        <v>1492</v>
      </c>
      <c r="D26" s="19">
        <v>717</v>
      </c>
      <c r="E26" s="19">
        <v>775</v>
      </c>
      <c r="F26" s="19"/>
      <c r="G26" s="18" t="s">
        <v>50</v>
      </c>
      <c r="H26" s="17"/>
      <c r="I26" s="13">
        <v>1989</v>
      </c>
      <c r="J26" s="19">
        <v>894</v>
      </c>
      <c r="K26" s="19">
        <v>1095</v>
      </c>
    </row>
    <row r="27" spans="1:11" ht="15" customHeight="1">
      <c r="A27" s="17" t="s">
        <v>51</v>
      </c>
      <c r="B27" s="17"/>
      <c r="C27" s="13">
        <v>1512</v>
      </c>
      <c r="D27" s="19">
        <v>785</v>
      </c>
      <c r="E27" s="19">
        <v>727</v>
      </c>
      <c r="F27" s="19"/>
      <c r="G27" s="18" t="s">
        <v>52</v>
      </c>
      <c r="H27" s="17"/>
      <c r="I27" s="13">
        <v>2204</v>
      </c>
      <c r="J27" s="19">
        <v>1008</v>
      </c>
      <c r="K27" s="19">
        <v>1196</v>
      </c>
    </row>
    <row r="28" spans="1:11" ht="15" customHeight="1">
      <c r="A28" s="17" t="s">
        <v>53</v>
      </c>
      <c r="B28" s="17"/>
      <c r="C28" s="13">
        <v>1642</v>
      </c>
      <c r="D28" s="19">
        <v>827</v>
      </c>
      <c r="E28" s="19">
        <v>815</v>
      </c>
      <c r="F28" s="19"/>
      <c r="G28" s="18" t="s">
        <v>54</v>
      </c>
      <c r="H28" s="17"/>
      <c r="I28" s="13">
        <v>2337</v>
      </c>
      <c r="J28" s="19">
        <v>1086</v>
      </c>
      <c r="K28" s="19">
        <v>1251</v>
      </c>
    </row>
    <row r="29" spans="1:11" ht="20.100000000000001" customHeight="1">
      <c r="A29" s="17" t="s">
        <v>55</v>
      </c>
      <c r="B29" s="17"/>
      <c r="C29" s="13">
        <v>7095</v>
      </c>
      <c r="D29" s="14">
        <v>3439</v>
      </c>
      <c r="E29" s="14">
        <v>3656</v>
      </c>
      <c r="F29" s="14"/>
      <c r="G29" s="18" t="s">
        <v>56</v>
      </c>
      <c r="H29" s="17"/>
      <c r="I29" s="13">
        <v>12618</v>
      </c>
      <c r="J29" s="14">
        <v>5656</v>
      </c>
      <c r="K29" s="14">
        <v>6962</v>
      </c>
    </row>
    <row r="30" spans="1:11" ht="15" customHeight="1">
      <c r="A30" s="17" t="s">
        <v>57</v>
      </c>
      <c r="B30" s="17"/>
      <c r="C30" s="13">
        <v>1513</v>
      </c>
      <c r="D30" s="19">
        <v>733</v>
      </c>
      <c r="E30" s="19">
        <v>780</v>
      </c>
      <c r="F30" s="19"/>
      <c r="G30" s="18" t="s">
        <v>58</v>
      </c>
      <c r="H30" s="17"/>
      <c r="I30" s="13">
        <v>2740</v>
      </c>
      <c r="J30" s="19">
        <v>1239</v>
      </c>
      <c r="K30" s="19">
        <v>1501</v>
      </c>
    </row>
    <row r="31" spans="1:11" ht="15" customHeight="1">
      <c r="A31" s="17" t="s">
        <v>59</v>
      </c>
      <c r="B31" s="17"/>
      <c r="C31" s="13">
        <v>1505</v>
      </c>
      <c r="D31" s="19">
        <v>741</v>
      </c>
      <c r="E31" s="19">
        <v>764</v>
      </c>
      <c r="F31" s="19"/>
      <c r="G31" s="18" t="s">
        <v>60</v>
      </c>
      <c r="H31" s="17"/>
      <c r="I31" s="13">
        <v>2862</v>
      </c>
      <c r="J31" s="19">
        <v>1276</v>
      </c>
      <c r="K31" s="19">
        <v>1586</v>
      </c>
    </row>
    <row r="32" spans="1:11" ht="15" customHeight="1">
      <c r="A32" s="17" t="s">
        <v>61</v>
      </c>
      <c r="B32" s="17"/>
      <c r="C32" s="13">
        <v>1386</v>
      </c>
      <c r="D32" s="19">
        <v>677</v>
      </c>
      <c r="E32" s="19">
        <v>709</v>
      </c>
      <c r="F32" s="19"/>
      <c r="G32" s="18" t="s">
        <v>62</v>
      </c>
      <c r="H32" s="17"/>
      <c r="I32" s="13">
        <v>3017</v>
      </c>
      <c r="J32" s="19">
        <v>1395</v>
      </c>
      <c r="K32" s="19">
        <v>1622</v>
      </c>
    </row>
    <row r="33" spans="1:11" ht="15" customHeight="1">
      <c r="A33" s="17" t="s">
        <v>63</v>
      </c>
      <c r="B33" s="17"/>
      <c r="C33" s="13">
        <v>1427</v>
      </c>
      <c r="D33" s="19">
        <v>680</v>
      </c>
      <c r="E33" s="19">
        <v>747</v>
      </c>
      <c r="F33" s="19"/>
      <c r="G33" s="18" t="s">
        <v>64</v>
      </c>
      <c r="H33" s="17"/>
      <c r="I33" s="13">
        <v>2086</v>
      </c>
      <c r="J33" s="19">
        <v>915</v>
      </c>
      <c r="K33" s="19">
        <v>1171</v>
      </c>
    </row>
    <row r="34" spans="1:11" ht="15" customHeight="1">
      <c r="A34" s="17" t="s">
        <v>65</v>
      </c>
      <c r="B34" s="17"/>
      <c r="C34" s="13">
        <v>1264</v>
      </c>
      <c r="D34" s="19">
        <v>608</v>
      </c>
      <c r="E34" s="19">
        <v>656</v>
      </c>
      <c r="F34" s="19"/>
      <c r="G34" s="18" t="s">
        <v>66</v>
      </c>
      <c r="H34" s="17"/>
      <c r="I34" s="13">
        <v>1913</v>
      </c>
      <c r="J34" s="19">
        <v>831</v>
      </c>
      <c r="K34" s="19">
        <v>1082</v>
      </c>
    </row>
    <row r="35" spans="1:11" ht="20.100000000000001" customHeight="1">
      <c r="A35" s="17" t="s">
        <v>67</v>
      </c>
      <c r="B35" s="17"/>
      <c r="C35" s="13">
        <v>6106</v>
      </c>
      <c r="D35" s="14">
        <v>2923</v>
      </c>
      <c r="E35" s="14">
        <v>3183</v>
      </c>
      <c r="F35" s="14"/>
      <c r="G35" s="18" t="s">
        <v>68</v>
      </c>
      <c r="H35" s="17"/>
      <c r="I35" s="13">
        <v>11379</v>
      </c>
      <c r="J35" s="14">
        <v>4828</v>
      </c>
      <c r="K35" s="14">
        <v>6551</v>
      </c>
    </row>
    <row r="36" spans="1:11" ht="15" customHeight="1">
      <c r="A36" s="17" t="s">
        <v>69</v>
      </c>
      <c r="B36" s="17"/>
      <c r="C36" s="13">
        <v>1324</v>
      </c>
      <c r="D36" s="19">
        <v>605</v>
      </c>
      <c r="E36" s="19">
        <v>719</v>
      </c>
      <c r="F36" s="19"/>
      <c r="G36" s="18" t="s">
        <v>70</v>
      </c>
      <c r="H36" s="17"/>
      <c r="I36" s="13">
        <v>2256</v>
      </c>
      <c r="J36" s="19">
        <v>952</v>
      </c>
      <c r="K36" s="19">
        <v>1304</v>
      </c>
    </row>
    <row r="37" spans="1:11" ht="15" customHeight="1">
      <c r="A37" s="17" t="s">
        <v>71</v>
      </c>
      <c r="B37" s="17"/>
      <c r="C37" s="13">
        <v>1240</v>
      </c>
      <c r="D37" s="19">
        <v>614</v>
      </c>
      <c r="E37" s="19">
        <v>626</v>
      </c>
      <c r="F37" s="19"/>
      <c r="G37" s="18" t="s">
        <v>72</v>
      </c>
      <c r="H37" s="17"/>
      <c r="I37" s="13">
        <v>2372</v>
      </c>
      <c r="J37" s="19">
        <v>1025</v>
      </c>
      <c r="K37" s="19">
        <v>1347</v>
      </c>
    </row>
    <row r="38" spans="1:11" ht="15" customHeight="1">
      <c r="A38" s="17" t="s">
        <v>73</v>
      </c>
      <c r="B38" s="17"/>
      <c r="C38" s="13">
        <v>1212</v>
      </c>
      <c r="D38" s="19">
        <v>588</v>
      </c>
      <c r="E38" s="19">
        <v>624</v>
      </c>
      <c r="F38" s="19"/>
      <c r="G38" s="18" t="s">
        <v>74</v>
      </c>
      <c r="H38" s="17"/>
      <c r="I38" s="13">
        <v>2345</v>
      </c>
      <c r="J38" s="19">
        <v>992</v>
      </c>
      <c r="K38" s="19">
        <v>1353</v>
      </c>
    </row>
    <row r="39" spans="1:11" ht="15" customHeight="1">
      <c r="A39" s="17" t="s">
        <v>75</v>
      </c>
      <c r="B39" s="17"/>
      <c r="C39" s="13">
        <v>1194</v>
      </c>
      <c r="D39" s="19">
        <v>555</v>
      </c>
      <c r="E39" s="19">
        <v>639</v>
      </c>
      <c r="F39" s="19"/>
      <c r="G39" s="18" t="s">
        <v>76</v>
      </c>
      <c r="H39" s="17"/>
      <c r="I39" s="13">
        <v>2294</v>
      </c>
      <c r="J39" s="19">
        <v>965</v>
      </c>
      <c r="K39" s="19">
        <v>1329</v>
      </c>
    </row>
    <row r="40" spans="1:11" ht="15" customHeight="1">
      <c r="A40" s="17" t="s">
        <v>77</v>
      </c>
      <c r="B40" s="17"/>
      <c r="C40" s="13">
        <v>1136</v>
      </c>
      <c r="D40" s="19">
        <v>561</v>
      </c>
      <c r="E40" s="19">
        <v>575</v>
      </c>
      <c r="F40" s="19"/>
      <c r="G40" s="18" t="s">
        <v>78</v>
      </c>
      <c r="H40" s="17"/>
      <c r="I40" s="13">
        <v>2112</v>
      </c>
      <c r="J40" s="19">
        <v>894</v>
      </c>
      <c r="K40" s="19">
        <v>1218</v>
      </c>
    </row>
    <row r="41" spans="1:11" ht="20.100000000000001" customHeight="1">
      <c r="A41" s="17" t="s">
        <v>79</v>
      </c>
      <c r="B41" s="17"/>
      <c r="C41" s="13">
        <v>6869</v>
      </c>
      <c r="D41" s="14">
        <v>3350</v>
      </c>
      <c r="E41" s="14">
        <v>3519</v>
      </c>
      <c r="F41" s="14"/>
      <c r="G41" s="18" t="s">
        <v>80</v>
      </c>
      <c r="H41" s="17"/>
      <c r="I41" s="13">
        <v>8758</v>
      </c>
      <c r="J41" s="14">
        <v>3647</v>
      </c>
      <c r="K41" s="14">
        <v>5111</v>
      </c>
    </row>
    <row r="42" spans="1:11" ht="15" customHeight="1">
      <c r="A42" s="17" t="s">
        <v>81</v>
      </c>
      <c r="B42" s="17"/>
      <c r="C42" s="13">
        <v>1270</v>
      </c>
      <c r="D42" s="19">
        <v>633</v>
      </c>
      <c r="E42" s="19">
        <v>637</v>
      </c>
      <c r="F42" s="19"/>
      <c r="G42" s="18" t="s">
        <v>82</v>
      </c>
      <c r="H42" s="17"/>
      <c r="I42" s="13">
        <v>1807</v>
      </c>
      <c r="J42" s="19">
        <v>737</v>
      </c>
      <c r="K42" s="19">
        <v>1070</v>
      </c>
    </row>
    <row r="43" spans="1:11" ht="15" customHeight="1">
      <c r="A43" s="17" t="s">
        <v>83</v>
      </c>
      <c r="B43" s="17"/>
      <c r="C43" s="13">
        <v>1338</v>
      </c>
      <c r="D43" s="19">
        <v>648</v>
      </c>
      <c r="E43" s="19">
        <v>690</v>
      </c>
      <c r="F43" s="19"/>
      <c r="G43" s="18" t="s">
        <v>84</v>
      </c>
      <c r="H43" s="17"/>
      <c r="I43" s="13">
        <v>1692</v>
      </c>
      <c r="J43" s="19">
        <v>736</v>
      </c>
      <c r="K43" s="19">
        <v>956</v>
      </c>
    </row>
    <row r="44" spans="1:11" ht="15" customHeight="1">
      <c r="A44" s="17" t="s">
        <v>85</v>
      </c>
      <c r="B44" s="17"/>
      <c r="C44" s="13">
        <v>1350</v>
      </c>
      <c r="D44" s="19">
        <v>668</v>
      </c>
      <c r="E44" s="19">
        <v>682</v>
      </c>
      <c r="F44" s="19"/>
      <c r="G44" s="18" t="s">
        <v>86</v>
      </c>
      <c r="H44" s="17"/>
      <c r="I44" s="13">
        <v>1861</v>
      </c>
      <c r="J44" s="19">
        <v>795</v>
      </c>
      <c r="K44" s="19">
        <v>1066</v>
      </c>
    </row>
    <row r="45" spans="1:11" ht="15" customHeight="1">
      <c r="A45" s="17" t="s">
        <v>87</v>
      </c>
      <c r="B45" s="17"/>
      <c r="C45" s="13">
        <v>1395</v>
      </c>
      <c r="D45" s="19">
        <v>646</v>
      </c>
      <c r="E45" s="19">
        <v>749</v>
      </c>
      <c r="F45" s="19"/>
      <c r="G45" s="18" t="s">
        <v>88</v>
      </c>
      <c r="H45" s="17"/>
      <c r="I45" s="13">
        <v>1661</v>
      </c>
      <c r="J45" s="19">
        <v>661</v>
      </c>
      <c r="K45" s="19">
        <v>1000</v>
      </c>
    </row>
    <row r="46" spans="1:11" ht="15" customHeight="1">
      <c r="A46" s="17" t="s">
        <v>89</v>
      </c>
      <c r="B46" s="17"/>
      <c r="C46" s="13">
        <v>1516</v>
      </c>
      <c r="D46" s="19">
        <v>755</v>
      </c>
      <c r="E46" s="19">
        <v>761</v>
      </c>
      <c r="F46" s="19"/>
      <c r="G46" s="18" t="s">
        <v>90</v>
      </c>
      <c r="H46" s="17"/>
      <c r="I46" s="13">
        <v>1737</v>
      </c>
      <c r="J46" s="19">
        <v>718</v>
      </c>
      <c r="K46" s="19">
        <v>1019</v>
      </c>
    </row>
    <row r="47" spans="1:11" ht="20.100000000000001" customHeight="1">
      <c r="A47" s="17" t="s">
        <v>91</v>
      </c>
      <c r="B47" s="17"/>
      <c r="C47" s="13">
        <v>8903</v>
      </c>
      <c r="D47" s="14">
        <v>4288</v>
      </c>
      <c r="E47" s="14">
        <v>4615</v>
      </c>
      <c r="F47" s="14"/>
      <c r="G47" s="18" t="s">
        <v>92</v>
      </c>
      <c r="H47" s="17"/>
      <c r="I47" s="13">
        <v>6280</v>
      </c>
      <c r="J47" s="14">
        <v>2406</v>
      </c>
      <c r="K47" s="14">
        <v>3874</v>
      </c>
    </row>
    <row r="48" spans="1:11" ht="15" customHeight="1">
      <c r="A48" s="17" t="s">
        <v>93</v>
      </c>
      <c r="B48" s="17"/>
      <c r="C48" s="13">
        <v>1632</v>
      </c>
      <c r="D48" s="19">
        <v>804</v>
      </c>
      <c r="E48" s="19">
        <v>828</v>
      </c>
      <c r="F48" s="19"/>
      <c r="G48" s="18" t="s">
        <v>94</v>
      </c>
      <c r="H48" s="17"/>
      <c r="I48" s="13">
        <v>1482</v>
      </c>
      <c r="J48" s="19">
        <v>600</v>
      </c>
      <c r="K48" s="19">
        <v>882</v>
      </c>
    </row>
    <row r="49" spans="1:11" ht="15" customHeight="1">
      <c r="A49" s="17" t="s">
        <v>95</v>
      </c>
      <c r="B49" s="17"/>
      <c r="C49" s="13">
        <v>1695</v>
      </c>
      <c r="D49" s="19">
        <v>798</v>
      </c>
      <c r="E49" s="19">
        <v>897</v>
      </c>
      <c r="F49" s="19"/>
      <c r="G49" s="18" t="s">
        <v>96</v>
      </c>
      <c r="H49" s="17"/>
      <c r="I49" s="13">
        <v>1427</v>
      </c>
      <c r="J49" s="19">
        <v>557</v>
      </c>
      <c r="K49" s="19">
        <v>870</v>
      </c>
    </row>
    <row r="50" spans="1:11" ht="15" customHeight="1">
      <c r="A50" s="17" t="s">
        <v>97</v>
      </c>
      <c r="B50" s="17"/>
      <c r="C50" s="13">
        <v>1769</v>
      </c>
      <c r="D50" s="19">
        <v>903</v>
      </c>
      <c r="E50" s="19">
        <v>866</v>
      </c>
      <c r="F50" s="19"/>
      <c r="G50" s="18" t="s">
        <v>98</v>
      </c>
      <c r="H50" s="17"/>
      <c r="I50" s="13">
        <v>1265</v>
      </c>
      <c r="J50" s="19">
        <v>507</v>
      </c>
      <c r="K50" s="19">
        <v>758</v>
      </c>
    </row>
    <row r="51" spans="1:11" ht="15" customHeight="1">
      <c r="A51" s="17" t="s">
        <v>99</v>
      </c>
      <c r="B51" s="17"/>
      <c r="C51" s="13">
        <v>1815</v>
      </c>
      <c r="D51" s="19">
        <v>844</v>
      </c>
      <c r="E51" s="19">
        <v>971</v>
      </c>
      <c r="F51" s="19"/>
      <c r="G51" s="18" t="s">
        <v>100</v>
      </c>
      <c r="H51" s="17"/>
      <c r="I51" s="13">
        <v>1101</v>
      </c>
      <c r="J51" s="19">
        <v>379</v>
      </c>
      <c r="K51" s="19">
        <v>722</v>
      </c>
    </row>
    <row r="52" spans="1:11" ht="15" customHeight="1">
      <c r="A52" s="17" t="s">
        <v>101</v>
      </c>
      <c r="B52" s="17"/>
      <c r="C52" s="13">
        <v>1992</v>
      </c>
      <c r="D52" s="19">
        <v>939</v>
      </c>
      <c r="E52" s="19">
        <v>1053</v>
      </c>
      <c r="F52" s="19"/>
      <c r="G52" s="18" t="s">
        <v>102</v>
      </c>
      <c r="H52" s="17"/>
      <c r="I52" s="13">
        <v>1005</v>
      </c>
      <c r="J52" s="19">
        <v>363</v>
      </c>
      <c r="K52" s="19">
        <v>642</v>
      </c>
    </row>
    <row r="53" spans="1:11" ht="20.100000000000001" customHeight="1">
      <c r="A53" s="17" t="s">
        <v>103</v>
      </c>
      <c r="B53" s="17"/>
      <c r="C53" s="13">
        <v>11835</v>
      </c>
      <c r="D53" s="14">
        <v>5609</v>
      </c>
      <c r="E53" s="14">
        <v>6226</v>
      </c>
      <c r="F53" s="14"/>
      <c r="G53" s="18" t="s">
        <v>104</v>
      </c>
      <c r="H53" s="17"/>
      <c r="I53" s="13">
        <v>3128</v>
      </c>
      <c r="J53" s="14">
        <v>929</v>
      </c>
      <c r="K53" s="14">
        <v>2199</v>
      </c>
    </row>
    <row r="54" spans="1:11" ht="15" customHeight="1">
      <c r="A54" s="17" t="s">
        <v>105</v>
      </c>
      <c r="B54" s="17"/>
      <c r="C54" s="13">
        <v>2103</v>
      </c>
      <c r="D54" s="19">
        <v>968</v>
      </c>
      <c r="E54" s="19">
        <v>1135</v>
      </c>
      <c r="F54" s="19"/>
      <c r="G54" s="18" t="s">
        <v>106</v>
      </c>
      <c r="H54" s="17"/>
      <c r="I54" s="13">
        <v>840</v>
      </c>
      <c r="J54" s="19">
        <v>253</v>
      </c>
      <c r="K54" s="19">
        <v>587</v>
      </c>
    </row>
    <row r="55" spans="1:11" ht="15" customHeight="1">
      <c r="A55" s="17" t="s">
        <v>107</v>
      </c>
      <c r="B55" s="17"/>
      <c r="C55" s="13">
        <v>2244</v>
      </c>
      <c r="D55" s="19">
        <v>1068</v>
      </c>
      <c r="E55" s="19">
        <v>1176</v>
      </c>
      <c r="F55" s="19"/>
      <c r="G55" s="18" t="s">
        <v>108</v>
      </c>
      <c r="H55" s="17"/>
      <c r="I55" s="13">
        <v>778</v>
      </c>
      <c r="J55" s="19">
        <v>239</v>
      </c>
      <c r="K55" s="19">
        <v>539</v>
      </c>
    </row>
    <row r="56" spans="1:11" ht="15" customHeight="1">
      <c r="A56" s="17" t="s">
        <v>109</v>
      </c>
      <c r="B56" s="17"/>
      <c r="C56" s="13">
        <v>2391</v>
      </c>
      <c r="D56" s="19">
        <v>1162</v>
      </c>
      <c r="E56" s="19">
        <v>1229</v>
      </c>
      <c r="F56" s="19"/>
      <c r="G56" s="18" t="s">
        <v>110</v>
      </c>
      <c r="H56" s="17"/>
      <c r="I56" s="13">
        <v>626</v>
      </c>
      <c r="J56" s="19">
        <v>176</v>
      </c>
      <c r="K56" s="19">
        <v>450</v>
      </c>
    </row>
    <row r="57" spans="1:11" ht="15" customHeight="1">
      <c r="A57" s="17" t="s">
        <v>111</v>
      </c>
      <c r="B57" s="17"/>
      <c r="C57" s="13">
        <v>2485</v>
      </c>
      <c r="D57" s="19">
        <v>1175</v>
      </c>
      <c r="E57" s="19">
        <v>1310</v>
      </c>
      <c r="F57" s="19"/>
      <c r="G57" s="18" t="s">
        <v>112</v>
      </c>
      <c r="H57" s="17"/>
      <c r="I57" s="13">
        <v>486</v>
      </c>
      <c r="J57" s="19">
        <v>156</v>
      </c>
      <c r="K57" s="19">
        <v>330</v>
      </c>
    </row>
    <row r="58" spans="1:11" ht="15" customHeight="1">
      <c r="A58" s="17" t="s">
        <v>113</v>
      </c>
      <c r="B58" s="17"/>
      <c r="C58" s="13">
        <v>2612</v>
      </c>
      <c r="D58" s="19">
        <v>1236</v>
      </c>
      <c r="E58" s="19">
        <v>1376</v>
      </c>
      <c r="F58" s="19"/>
      <c r="G58" s="18" t="s">
        <v>114</v>
      </c>
      <c r="H58" s="17"/>
      <c r="I58" s="13">
        <v>398</v>
      </c>
      <c r="J58" s="19">
        <v>105</v>
      </c>
      <c r="K58" s="19">
        <v>293</v>
      </c>
    </row>
    <row r="59" spans="1:11" ht="20.100000000000001" customHeight="1">
      <c r="A59" s="17" t="s">
        <v>115</v>
      </c>
      <c r="B59" s="17"/>
      <c r="C59" s="13">
        <v>15184</v>
      </c>
      <c r="D59" s="14">
        <v>7298</v>
      </c>
      <c r="E59" s="14">
        <v>7886</v>
      </c>
      <c r="F59" s="14"/>
      <c r="G59" s="18" t="s">
        <v>116</v>
      </c>
      <c r="H59" s="17"/>
      <c r="I59" s="13">
        <v>906</v>
      </c>
      <c r="J59" s="14">
        <v>205</v>
      </c>
      <c r="K59" s="14">
        <v>701</v>
      </c>
    </row>
    <row r="60" spans="1:11" ht="15" customHeight="1">
      <c r="A60" s="17" t="s">
        <v>117</v>
      </c>
      <c r="B60" s="17"/>
      <c r="C60" s="13">
        <v>2823</v>
      </c>
      <c r="D60" s="19">
        <v>1375</v>
      </c>
      <c r="E60" s="19">
        <v>1448</v>
      </c>
      <c r="F60" s="19"/>
      <c r="G60" s="18" t="s">
        <v>118</v>
      </c>
      <c r="H60" s="17"/>
      <c r="I60" s="13">
        <v>291</v>
      </c>
      <c r="J60" s="19">
        <v>65</v>
      </c>
      <c r="K60" s="19">
        <v>226</v>
      </c>
    </row>
    <row r="61" spans="1:11" ht="15" customHeight="1">
      <c r="A61" s="17" t="s">
        <v>119</v>
      </c>
      <c r="B61" s="17"/>
      <c r="C61" s="13">
        <v>3086</v>
      </c>
      <c r="D61" s="19">
        <v>1491</v>
      </c>
      <c r="E61" s="19">
        <v>1595</v>
      </c>
      <c r="F61" s="19"/>
      <c r="G61" s="18" t="s">
        <v>120</v>
      </c>
      <c r="H61" s="17"/>
      <c r="I61" s="13">
        <v>228</v>
      </c>
      <c r="J61" s="19">
        <v>57</v>
      </c>
      <c r="K61" s="19">
        <v>171</v>
      </c>
    </row>
    <row r="62" spans="1:11" ht="15" customHeight="1">
      <c r="A62" s="17" t="s">
        <v>121</v>
      </c>
      <c r="B62" s="17"/>
      <c r="C62" s="13">
        <v>3079</v>
      </c>
      <c r="D62" s="19">
        <v>1466</v>
      </c>
      <c r="E62" s="19">
        <v>1613</v>
      </c>
      <c r="F62" s="19"/>
      <c r="G62" s="18" t="s">
        <v>122</v>
      </c>
      <c r="H62" s="17"/>
      <c r="I62" s="13">
        <v>194</v>
      </c>
      <c r="J62" s="19">
        <v>54</v>
      </c>
      <c r="K62" s="19">
        <v>140</v>
      </c>
    </row>
    <row r="63" spans="1:11" ht="15" customHeight="1">
      <c r="A63" s="17" t="s">
        <v>123</v>
      </c>
      <c r="B63" s="17"/>
      <c r="C63" s="13">
        <v>3157</v>
      </c>
      <c r="D63" s="19">
        <v>1488</v>
      </c>
      <c r="E63" s="19">
        <v>1669</v>
      </c>
      <c r="F63" s="19"/>
      <c r="G63" s="18" t="s">
        <v>124</v>
      </c>
      <c r="H63" s="17"/>
      <c r="I63" s="13">
        <v>107</v>
      </c>
      <c r="J63" s="19">
        <v>16</v>
      </c>
      <c r="K63" s="19">
        <v>91</v>
      </c>
    </row>
    <row r="64" spans="1:11" ht="15" customHeight="1">
      <c r="A64" s="17" t="s">
        <v>125</v>
      </c>
      <c r="B64" s="17"/>
      <c r="C64" s="13">
        <v>3039</v>
      </c>
      <c r="D64" s="19">
        <v>1478</v>
      </c>
      <c r="E64" s="19">
        <v>1561</v>
      </c>
      <c r="F64" s="19"/>
      <c r="G64" s="18" t="s">
        <v>126</v>
      </c>
      <c r="H64" s="17"/>
      <c r="I64" s="13">
        <v>86</v>
      </c>
      <c r="J64" s="19">
        <v>13</v>
      </c>
      <c r="K64" s="19">
        <v>7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02</v>
      </c>
      <c r="J65" s="19">
        <v>30</v>
      </c>
      <c r="K65" s="19">
        <v>17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57</v>
      </c>
      <c r="J66" s="29">
        <v>207</v>
      </c>
      <c r="K66" s="29">
        <v>15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56969</v>
      </c>
      <c r="D4" s="14">
        <v>26604</v>
      </c>
      <c r="E4" s="14">
        <v>3036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81</v>
      </c>
      <c r="D5" s="14">
        <v>1004</v>
      </c>
      <c r="E5" s="14">
        <v>977</v>
      </c>
      <c r="F5" s="14"/>
      <c r="G5" s="18" t="s">
        <v>8</v>
      </c>
      <c r="H5" s="17"/>
      <c r="I5" s="13">
        <v>4621</v>
      </c>
      <c r="J5" s="14">
        <v>2238</v>
      </c>
      <c r="K5" s="14">
        <v>2383</v>
      </c>
    </row>
    <row r="6" spans="1:11" ht="15" customHeight="1">
      <c r="A6" s="17" t="s">
        <v>9</v>
      </c>
      <c r="B6" s="17"/>
      <c r="C6" s="13">
        <v>357</v>
      </c>
      <c r="D6" s="19">
        <v>173</v>
      </c>
      <c r="E6" s="19">
        <v>184</v>
      </c>
      <c r="F6" s="19"/>
      <c r="G6" s="18" t="s">
        <v>10</v>
      </c>
      <c r="H6" s="17"/>
      <c r="I6" s="13">
        <v>934</v>
      </c>
      <c r="J6" s="19">
        <v>443</v>
      </c>
      <c r="K6" s="19">
        <v>491</v>
      </c>
    </row>
    <row r="7" spans="1:11" ht="15" customHeight="1">
      <c r="A7" s="17" t="s">
        <v>11</v>
      </c>
      <c r="B7" s="17"/>
      <c r="C7" s="13">
        <v>392</v>
      </c>
      <c r="D7" s="19">
        <v>208</v>
      </c>
      <c r="E7" s="19">
        <v>184</v>
      </c>
      <c r="F7" s="19"/>
      <c r="G7" s="18" t="s">
        <v>12</v>
      </c>
      <c r="H7" s="17"/>
      <c r="I7" s="13">
        <v>986</v>
      </c>
      <c r="J7" s="19">
        <v>466</v>
      </c>
      <c r="K7" s="19">
        <v>520</v>
      </c>
    </row>
    <row r="8" spans="1:11" ht="15" customHeight="1">
      <c r="A8" s="17" t="s">
        <v>13</v>
      </c>
      <c r="B8" s="17"/>
      <c r="C8" s="13">
        <v>360</v>
      </c>
      <c r="D8" s="19">
        <v>189</v>
      </c>
      <c r="E8" s="19">
        <v>171</v>
      </c>
      <c r="F8" s="19"/>
      <c r="G8" s="18" t="s">
        <v>14</v>
      </c>
      <c r="H8" s="17"/>
      <c r="I8" s="13">
        <v>1056</v>
      </c>
      <c r="J8" s="19">
        <v>516</v>
      </c>
      <c r="K8" s="19">
        <v>540</v>
      </c>
    </row>
    <row r="9" spans="1:11" ht="15" customHeight="1">
      <c r="A9" s="17" t="s">
        <v>15</v>
      </c>
      <c r="B9" s="17"/>
      <c r="C9" s="13">
        <v>406</v>
      </c>
      <c r="D9" s="19">
        <v>191</v>
      </c>
      <c r="E9" s="19">
        <v>215</v>
      </c>
      <c r="F9" s="19"/>
      <c r="G9" s="18" t="s">
        <v>16</v>
      </c>
      <c r="H9" s="17"/>
      <c r="I9" s="13">
        <v>748</v>
      </c>
      <c r="J9" s="19">
        <v>357</v>
      </c>
      <c r="K9" s="19">
        <v>391</v>
      </c>
    </row>
    <row r="10" spans="1:11" ht="15" customHeight="1">
      <c r="A10" s="17" t="s">
        <v>17</v>
      </c>
      <c r="B10" s="17"/>
      <c r="C10" s="13">
        <v>466</v>
      </c>
      <c r="D10" s="19">
        <v>243</v>
      </c>
      <c r="E10" s="19">
        <v>223</v>
      </c>
      <c r="F10" s="19"/>
      <c r="G10" s="18" t="s">
        <v>18</v>
      </c>
      <c r="H10" s="17"/>
      <c r="I10" s="13">
        <v>897</v>
      </c>
      <c r="J10" s="19">
        <v>456</v>
      </c>
      <c r="K10" s="19">
        <v>441</v>
      </c>
    </row>
    <row r="11" spans="1:11" ht="20.100000000000001" customHeight="1">
      <c r="A11" s="17" t="s">
        <v>19</v>
      </c>
      <c r="B11" s="17"/>
      <c r="C11" s="13">
        <v>2270</v>
      </c>
      <c r="D11" s="14">
        <v>1187</v>
      </c>
      <c r="E11" s="14">
        <v>1083</v>
      </c>
      <c r="F11" s="14"/>
      <c r="G11" s="18" t="s">
        <v>20</v>
      </c>
      <c r="H11" s="17"/>
      <c r="I11" s="13">
        <v>3842</v>
      </c>
      <c r="J11" s="14">
        <v>1925</v>
      </c>
      <c r="K11" s="14">
        <v>1917</v>
      </c>
    </row>
    <row r="12" spans="1:11" ht="15" customHeight="1">
      <c r="A12" s="17" t="s">
        <v>21</v>
      </c>
      <c r="B12" s="17"/>
      <c r="C12" s="13">
        <v>420</v>
      </c>
      <c r="D12" s="19">
        <v>205</v>
      </c>
      <c r="E12" s="19">
        <v>215</v>
      </c>
      <c r="F12" s="19"/>
      <c r="G12" s="18" t="s">
        <v>22</v>
      </c>
      <c r="H12" s="17"/>
      <c r="I12" s="13">
        <v>819</v>
      </c>
      <c r="J12" s="19">
        <v>422</v>
      </c>
      <c r="K12" s="19">
        <v>397</v>
      </c>
    </row>
    <row r="13" spans="1:11" ht="15" customHeight="1">
      <c r="A13" s="17" t="s">
        <v>23</v>
      </c>
      <c r="B13" s="17"/>
      <c r="C13" s="13">
        <v>448</v>
      </c>
      <c r="D13" s="19">
        <v>234</v>
      </c>
      <c r="E13" s="19">
        <v>214</v>
      </c>
      <c r="F13" s="19"/>
      <c r="G13" s="18" t="s">
        <v>24</v>
      </c>
      <c r="H13" s="17"/>
      <c r="I13" s="13">
        <v>823</v>
      </c>
      <c r="J13" s="19">
        <v>418</v>
      </c>
      <c r="K13" s="19">
        <v>405</v>
      </c>
    </row>
    <row r="14" spans="1:11" ht="15" customHeight="1">
      <c r="A14" s="17" t="s">
        <v>25</v>
      </c>
      <c r="B14" s="17"/>
      <c r="C14" s="13">
        <v>470</v>
      </c>
      <c r="D14" s="19">
        <v>257</v>
      </c>
      <c r="E14" s="19">
        <v>213</v>
      </c>
      <c r="F14" s="19"/>
      <c r="G14" s="18" t="s">
        <v>26</v>
      </c>
      <c r="H14" s="17"/>
      <c r="I14" s="13">
        <v>755</v>
      </c>
      <c r="J14" s="19">
        <v>369</v>
      </c>
      <c r="K14" s="19">
        <v>386</v>
      </c>
    </row>
    <row r="15" spans="1:11" ht="15" customHeight="1">
      <c r="A15" s="17" t="s">
        <v>27</v>
      </c>
      <c r="B15" s="17"/>
      <c r="C15" s="13">
        <v>463</v>
      </c>
      <c r="D15" s="19">
        <v>245</v>
      </c>
      <c r="E15" s="19">
        <v>218</v>
      </c>
      <c r="F15" s="19"/>
      <c r="G15" s="18" t="s">
        <v>28</v>
      </c>
      <c r="H15" s="17"/>
      <c r="I15" s="13">
        <v>744</v>
      </c>
      <c r="J15" s="19">
        <v>374</v>
      </c>
      <c r="K15" s="19">
        <v>370</v>
      </c>
    </row>
    <row r="16" spans="1:11" ht="15" customHeight="1">
      <c r="A16" s="17" t="s">
        <v>29</v>
      </c>
      <c r="B16" s="17"/>
      <c r="C16" s="13">
        <v>469</v>
      </c>
      <c r="D16" s="19">
        <v>246</v>
      </c>
      <c r="E16" s="19">
        <v>223</v>
      </c>
      <c r="F16" s="19"/>
      <c r="G16" s="18" t="s">
        <v>30</v>
      </c>
      <c r="H16" s="17"/>
      <c r="I16" s="13">
        <v>701</v>
      </c>
      <c r="J16" s="19">
        <v>342</v>
      </c>
      <c r="K16" s="19">
        <v>359</v>
      </c>
    </row>
    <row r="17" spans="1:11" ht="20.100000000000001" customHeight="1">
      <c r="A17" s="20" t="s">
        <v>31</v>
      </c>
      <c r="B17" s="20"/>
      <c r="C17" s="13">
        <v>2362</v>
      </c>
      <c r="D17" s="14">
        <v>1166</v>
      </c>
      <c r="E17" s="14">
        <v>1196</v>
      </c>
      <c r="F17" s="14"/>
      <c r="G17" s="18" t="s">
        <v>32</v>
      </c>
      <c r="H17" s="17"/>
      <c r="I17" s="13">
        <v>3244</v>
      </c>
      <c r="J17" s="14">
        <v>1544</v>
      </c>
      <c r="K17" s="14">
        <v>1700</v>
      </c>
    </row>
    <row r="18" spans="1:11" ht="15" customHeight="1">
      <c r="A18" s="17" t="s">
        <v>33</v>
      </c>
      <c r="B18" s="17"/>
      <c r="C18" s="13">
        <v>469</v>
      </c>
      <c r="D18" s="19">
        <v>220</v>
      </c>
      <c r="E18" s="19">
        <v>249</v>
      </c>
      <c r="F18" s="19"/>
      <c r="G18" s="18" t="s">
        <v>34</v>
      </c>
      <c r="H18" s="17"/>
      <c r="I18" s="13">
        <v>715</v>
      </c>
      <c r="J18" s="19">
        <v>348</v>
      </c>
      <c r="K18" s="19">
        <v>367</v>
      </c>
    </row>
    <row r="19" spans="1:11" ht="15" customHeight="1">
      <c r="A19" s="17" t="s">
        <v>35</v>
      </c>
      <c r="B19" s="17"/>
      <c r="C19" s="13">
        <v>479</v>
      </c>
      <c r="D19" s="19">
        <v>234</v>
      </c>
      <c r="E19" s="19">
        <v>245</v>
      </c>
      <c r="F19" s="19"/>
      <c r="G19" s="18" t="s">
        <v>36</v>
      </c>
      <c r="H19" s="17"/>
      <c r="I19" s="13">
        <v>685</v>
      </c>
      <c r="J19" s="19">
        <v>316</v>
      </c>
      <c r="K19" s="19">
        <v>369</v>
      </c>
    </row>
    <row r="20" spans="1:11" ht="15" customHeight="1">
      <c r="A20" s="17" t="s">
        <v>37</v>
      </c>
      <c r="B20" s="17"/>
      <c r="C20" s="13">
        <v>472</v>
      </c>
      <c r="D20" s="19">
        <v>238</v>
      </c>
      <c r="E20" s="19">
        <v>234</v>
      </c>
      <c r="F20" s="19"/>
      <c r="G20" s="18" t="s">
        <v>38</v>
      </c>
      <c r="H20" s="17"/>
      <c r="I20" s="13">
        <v>634</v>
      </c>
      <c r="J20" s="19">
        <v>316</v>
      </c>
      <c r="K20" s="19">
        <v>318</v>
      </c>
    </row>
    <row r="21" spans="1:11" ht="15" customHeight="1">
      <c r="A21" s="17" t="s">
        <v>39</v>
      </c>
      <c r="B21" s="17"/>
      <c r="C21" s="13">
        <v>487</v>
      </c>
      <c r="D21" s="19">
        <v>251</v>
      </c>
      <c r="E21" s="19">
        <v>236</v>
      </c>
      <c r="F21" s="19"/>
      <c r="G21" s="18" t="s">
        <v>40</v>
      </c>
      <c r="H21" s="17"/>
      <c r="I21" s="13">
        <v>579</v>
      </c>
      <c r="J21" s="19">
        <v>266</v>
      </c>
      <c r="K21" s="19">
        <v>313</v>
      </c>
    </row>
    <row r="22" spans="1:11" ht="15" customHeight="1">
      <c r="A22" s="17" t="s">
        <v>41</v>
      </c>
      <c r="B22" s="17"/>
      <c r="C22" s="13">
        <v>455</v>
      </c>
      <c r="D22" s="19">
        <v>223</v>
      </c>
      <c r="E22" s="19">
        <v>232</v>
      </c>
      <c r="F22" s="19"/>
      <c r="G22" s="18" t="s">
        <v>42</v>
      </c>
      <c r="H22" s="17"/>
      <c r="I22" s="13">
        <v>631</v>
      </c>
      <c r="J22" s="19">
        <v>298</v>
      </c>
      <c r="K22" s="19">
        <v>333</v>
      </c>
    </row>
    <row r="23" spans="1:11" ht="20.100000000000001" customHeight="1">
      <c r="A23" s="17" t="s">
        <v>43</v>
      </c>
      <c r="B23" s="17"/>
      <c r="C23" s="13">
        <v>2529</v>
      </c>
      <c r="D23" s="14">
        <v>1318</v>
      </c>
      <c r="E23" s="14">
        <v>1211</v>
      </c>
      <c r="F23" s="14"/>
      <c r="G23" s="18" t="s">
        <v>44</v>
      </c>
      <c r="H23" s="17"/>
      <c r="I23" s="13">
        <v>3451</v>
      </c>
      <c r="J23" s="14">
        <v>1617</v>
      </c>
      <c r="K23" s="14">
        <v>1834</v>
      </c>
    </row>
    <row r="24" spans="1:11" ht="15" customHeight="1">
      <c r="A24" s="17" t="s">
        <v>45</v>
      </c>
      <c r="B24" s="17"/>
      <c r="C24" s="13">
        <v>493</v>
      </c>
      <c r="D24" s="19">
        <v>255</v>
      </c>
      <c r="E24" s="19">
        <v>238</v>
      </c>
      <c r="F24" s="19"/>
      <c r="G24" s="18" t="s">
        <v>46</v>
      </c>
      <c r="H24" s="17"/>
      <c r="I24" s="13">
        <v>659</v>
      </c>
      <c r="J24" s="19">
        <v>319</v>
      </c>
      <c r="K24" s="19">
        <v>340</v>
      </c>
    </row>
    <row r="25" spans="1:11" ht="15" customHeight="1">
      <c r="A25" s="17" t="s">
        <v>47</v>
      </c>
      <c r="B25" s="17"/>
      <c r="C25" s="13">
        <v>468</v>
      </c>
      <c r="D25" s="19">
        <v>250</v>
      </c>
      <c r="E25" s="19">
        <v>218</v>
      </c>
      <c r="F25" s="19"/>
      <c r="G25" s="18" t="s">
        <v>48</v>
      </c>
      <c r="H25" s="17"/>
      <c r="I25" s="13">
        <v>643</v>
      </c>
      <c r="J25" s="19">
        <v>287</v>
      </c>
      <c r="K25" s="19">
        <v>356</v>
      </c>
    </row>
    <row r="26" spans="1:11" ht="15" customHeight="1">
      <c r="A26" s="17" t="s">
        <v>49</v>
      </c>
      <c r="B26" s="17"/>
      <c r="C26" s="13">
        <v>508</v>
      </c>
      <c r="D26" s="19">
        <v>273</v>
      </c>
      <c r="E26" s="19">
        <v>235</v>
      </c>
      <c r="F26" s="19"/>
      <c r="G26" s="18" t="s">
        <v>50</v>
      </c>
      <c r="H26" s="17"/>
      <c r="I26" s="13">
        <v>646</v>
      </c>
      <c r="J26" s="19">
        <v>314</v>
      </c>
      <c r="K26" s="19">
        <v>332</v>
      </c>
    </row>
    <row r="27" spans="1:11" ht="15" customHeight="1">
      <c r="A27" s="17" t="s">
        <v>51</v>
      </c>
      <c r="B27" s="17"/>
      <c r="C27" s="13">
        <v>522</v>
      </c>
      <c r="D27" s="19">
        <v>264</v>
      </c>
      <c r="E27" s="19">
        <v>258</v>
      </c>
      <c r="F27" s="19"/>
      <c r="G27" s="18" t="s">
        <v>52</v>
      </c>
      <c r="H27" s="17"/>
      <c r="I27" s="13">
        <v>687</v>
      </c>
      <c r="J27" s="19">
        <v>312</v>
      </c>
      <c r="K27" s="19">
        <v>375</v>
      </c>
    </row>
    <row r="28" spans="1:11" ht="15" customHeight="1">
      <c r="A28" s="17" t="s">
        <v>53</v>
      </c>
      <c r="B28" s="17"/>
      <c r="C28" s="13">
        <v>538</v>
      </c>
      <c r="D28" s="19">
        <v>276</v>
      </c>
      <c r="E28" s="19">
        <v>262</v>
      </c>
      <c r="F28" s="19"/>
      <c r="G28" s="18" t="s">
        <v>54</v>
      </c>
      <c r="H28" s="17"/>
      <c r="I28" s="13">
        <v>816</v>
      </c>
      <c r="J28" s="19">
        <v>385</v>
      </c>
      <c r="K28" s="19">
        <v>431</v>
      </c>
    </row>
    <row r="29" spans="1:11" ht="20.100000000000001" customHeight="1">
      <c r="A29" s="17" t="s">
        <v>55</v>
      </c>
      <c r="B29" s="17"/>
      <c r="C29" s="13">
        <v>2288</v>
      </c>
      <c r="D29" s="14">
        <v>1123</v>
      </c>
      <c r="E29" s="14">
        <v>1165</v>
      </c>
      <c r="F29" s="14"/>
      <c r="G29" s="18" t="s">
        <v>56</v>
      </c>
      <c r="H29" s="17"/>
      <c r="I29" s="13">
        <v>4304</v>
      </c>
      <c r="J29" s="14">
        <v>1925</v>
      </c>
      <c r="K29" s="14">
        <v>2379</v>
      </c>
    </row>
    <row r="30" spans="1:11" ht="15" customHeight="1">
      <c r="A30" s="17" t="s">
        <v>57</v>
      </c>
      <c r="B30" s="17"/>
      <c r="C30" s="13">
        <v>502</v>
      </c>
      <c r="D30" s="19">
        <v>266</v>
      </c>
      <c r="E30" s="19">
        <v>236</v>
      </c>
      <c r="F30" s="19"/>
      <c r="G30" s="18" t="s">
        <v>58</v>
      </c>
      <c r="H30" s="17"/>
      <c r="I30" s="13">
        <v>974</v>
      </c>
      <c r="J30" s="19">
        <v>466</v>
      </c>
      <c r="K30" s="19">
        <v>508</v>
      </c>
    </row>
    <row r="31" spans="1:11" ht="15" customHeight="1">
      <c r="A31" s="17" t="s">
        <v>59</v>
      </c>
      <c r="B31" s="17"/>
      <c r="C31" s="13">
        <v>519</v>
      </c>
      <c r="D31" s="19">
        <v>251</v>
      </c>
      <c r="E31" s="19">
        <v>268</v>
      </c>
      <c r="F31" s="19"/>
      <c r="G31" s="18" t="s">
        <v>60</v>
      </c>
      <c r="H31" s="17"/>
      <c r="I31" s="13">
        <v>994</v>
      </c>
      <c r="J31" s="19">
        <v>439</v>
      </c>
      <c r="K31" s="19">
        <v>555</v>
      </c>
    </row>
    <row r="32" spans="1:11" ht="15" customHeight="1">
      <c r="A32" s="17" t="s">
        <v>61</v>
      </c>
      <c r="B32" s="17"/>
      <c r="C32" s="13">
        <v>472</v>
      </c>
      <c r="D32" s="19">
        <v>238</v>
      </c>
      <c r="E32" s="19">
        <v>234</v>
      </c>
      <c r="F32" s="19"/>
      <c r="G32" s="18" t="s">
        <v>62</v>
      </c>
      <c r="H32" s="17"/>
      <c r="I32" s="13">
        <v>1002</v>
      </c>
      <c r="J32" s="19">
        <v>441</v>
      </c>
      <c r="K32" s="19">
        <v>561</v>
      </c>
    </row>
    <row r="33" spans="1:11" ht="15" customHeight="1">
      <c r="A33" s="17" t="s">
        <v>63</v>
      </c>
      <c r="B33" s="17"/>
      <c r="C33" s="13">
        <v>428</v>
      </c>
      <c r="D33" s="19">
        <v>205</v>
      </c>
      <c r="E33" s="19">
        <v>223</v>
      </c>
      <c r="F33" s="19"/>
      <c r="G33" s="18" t="s">
        <v>64</v>
      </c>
      <c r="H33" s="17"/>
      <c r="I33" s="13">
        <v>692</v>
      </c>
      <c r="J33" s="19">
        <v>311</v>
      </c>
      <c r="K33" s="19">
        <v>381</v>
      </c>
    </row>
    <row r="34" spans="1:11" ht="15" customHeight="1">
      <c r="A34" s="17" t="s">
        <v>65</v>
      </c>
      <c r="B34" s="17"/>
      <c r="C34" s="13">
        <v>367</v>
      </c>
      <c r="D34" s="19">
        <v>163</v>
      </c>
      <c r="E34" s="19">
        <v>204</v>
      </c>
      <c r="F34" s="19"/>
      <c r="G34" s="18" t="s">
        <v>66</v>
      </c>
      <c r="H34" s="17"/>
      <c r="I34" s="13">
        <v>642</v>
      </c>
      <c r="J34" s="19">
        <v>268</v>
      </c>
      <c r="K34" s="19">
        <v>374</v>
      </c>
    </row>
    <row r="35" spans="1:11" ht="20.100000000000001" customHeight="1">
      <c r="A35" s="17" t="s">
        <v>67</v>
      </c>
      <c r="B35" s="17"/>
      <c r="C35" s="13">
        <v>1633</v>
      </c>
      <c r="D35" s="14">
        <v>762</v>
      </c>
      <c r="E35" s="14">
        <v>871</v>
      </c>
      <c r="F35" s="14"/>
      <c r="G35" s="18" t="s">
        <v>68</v>
      </c>
      <c r="H35" s="17"/>
      <c r="I35" s="13">
        <v>4018</v>
      </c>
      <c r="J35" s="14">
        <v>1718</v>
      </c>
      <c r="K35" s="14">
        <v>2300</v>
      </c>
    </row>
    <row r="36" spans="1:11" ht="15" customHeight="1">
      <c r="A36" s="17" t="s">
        <v>69</v>
      </c>
      <c r="B36" s="17"/>
      <c r="C36" s="13">
        <v>323</v>
      </c>
      <c r="D36" s="19">
        <v>154</v>
      </c>
      <c r="E36" s="19">
        <v>169</v>
      </c>
      <c r="F36" s="19"/>
      <c r="G36" s="18" t="s">
        <v>70</v>
      </c>
      <c r="H36" s="17"/>
      <c r="I36" s="13">
        <v>775</v>
      </c>
      <c r="J36" s="19">
        <v>327</v>
      </c>
      <c r="K36" s="19">
        <v>448</v>
      </c>
    </row>
    <row r="37" spans="1:11" ht="15" customHeight="1">
      <c r="A37" s="17" t="s">
        <v>71</v>
      </c>
      <c r="B37" s="17"/>
      <c r="C37" s="13">
        <v>331</v>
      </c>
      <c r="D37" s="19">
        <v>154</v>
      </c>
      <c r="E37" s="19">
        <v>177</v>
      </c>
      <c r="F37" s="19"/>
      <c r="G37" s="18" t="s">
        <v>72</v>
      </c>
      <c r="H37" s="17"/>
      <c r="I37" s="13">
        <v>876</v>
      </c>
      <c r="J37" s="19">
        <v>372</v>
      </c>
      <c r="K37" s="19">
        <v>504</v>
      </c>
    </row>
    <row r="38" spans="1:11" ht="15" customHeight="1">
      <c r="A38" s="17" t="s">
        <v>73</v>
      </c>
      <c r="B38" s="17"/>
      <c r="C38" s="13">
        <v>320</v>
      </c>
      <c r="D38" s="19">
        <v>143</v>
      </c>
      <c r="E38" s="19">
        <v>177</v>
      </c>
      <c r="F38" s="19"/>
      <c r="G38" s="18" t="s">
        <v>74</v>
      </c>
      <c r="H38" s="17"/>
      <c r="I38" s="13">
        <v>800</v>
      </c>
      <c r="J38" s="19">
        <v>350</v>
      </c>
      <c r="K38" s="19">
        <v>450</v>
      </c>
    </row>
    <row r="39" spans="1:11" ht="15" customHeight="1">
      <c r="A39" s="17" t="s">
        <v>75</v>
      </c>
      <c r="B39" s="17"/>
      <c r="C39" s="13">
        <v>331</v>
      </c>
      <c r="D39" s="19">
        <v>151</v>
      </c>
      <c r="E39" s="19">
        <v>180</v>
      </c>
      <c r="F39" s="19"/>
      <c r="G39" s="18" t="s">
        <v>76</v>
      </c>
      <c r="H39" s="17"/>
      <c r="I39" s="13">
        <v>837</v>
      </c>
      <c r="J39" s="19">
        <v>361</v>
      </c>
      <c r="K39" s="19">
        <v>476</v>
      </c>
    </row>
    <row r="40" spans="1:11" ht="15" customHeight="1">
      <c r="A40" s="17" t="s">
        <v>77</v>
      </c>
      <c r="B40" s="17"/>
      <c r="C40" s="13">
        <v>328</v>
      </c>
      <c r="D40" s="19">
        <v>160</v>
      </c>
      <c r="E40" s="19">
        <v>168</v>
      </c>
      <c r="F40" s="19"/>
      <c r="G40" s="18" t="s">
        <v>78</v>
      </c>
      <c r="H40" s="17"/>
      <c r="I40" s="13">
        <v>730</v>
      </c>
      <c r="J40" s="19">
        <v>308</v>
      </c>
      <c r="K40" s="19">
        <v>422</v>
      </c>
    </row>
    <row r="41" spans="1:11" ht="20.100000000000001" customHeight="1">
      <c r="A41" s="17" t="s">
        <v>79</v>
      </c>
      <c r="B41" s="17"/>
      <c r="C41" s="13">
        <v>2161</v>
      </c>
      <c r="D41" s="14">
        <v>1021</v>
      </c>
      <c r="E41" s="14">
        <v>1140</v>
      </c>
      <c r="F41" s="14"/>
      <c r="G41" s="18" t="s">
        <v>80</v>
      </c>
      <c r="H41" s="17"/>
      <c r="I41" s="13">
        <v>3019</v>
      </c>
      <c r="J41" s="14">
        <v>1247</v>
      </c>
      <c r="K41" s="14">
        <v>1772</v>
      </c>
    </row>
    <row r="42" spans="1:11" ht="15" customHeight="1">
      <c r="A42" s="17" t="s">
        <v>81</v>
      </c>
      <c r="B42" s="17"/>
      <c r="C42" s="13">
        <v>383</v>
      </c>
      <c r="D42" s="19">
        <v>190</v>
      </c>
      <c r="E42" s="19">
        <v>193</v>
      </c>
      <c r="F42" s="19"/>
      <c r="G42" s="18" t="s">
        <v>82</v>
      </c>
      <c r="H42" s="17"/>
      <c r="I42" s="13">
        <v>643</v>
      </c>
      <c r="J42" s="19">
        <v>276</v>
      </c>
      <c r="K42" s="19">
        <v>367</v>
      </c>
    </row>
    <row r="43" spans="1:11" ht="15" customHeight="1">
      <c r="A43" s="17" t="s">
        <v>83</v>
      </c>
      <c r="B43" s="17"/>
      <c r="C43" s="13">
        <v>397</v>
      </c>
      <c r="D43" s="19">
        <v>201</v>
      </c>
      <c r="E43" s="19">
        <v>196</v>
      </c>
      <c r="F43" s="19"/>
      <c r="G43" s="18" t="s">
        <v>84</v>
      </c>
      <c r="H43" s="17"/>
      <c r="I43" s="13">
        <v>542</v>
      </c>
      <c r="J43" s="19">
        <v>219</v>
      </c>
      <c r="K43" s="19">
        <v>323</v>
      </c>
    </row>
    <row r="44" spans="1:11" ht="15" customHeight="1">
      <c r="A44" s="17" t="s">
        <v>85</v>
      </c>
      <c r="B44" s="17"/>
      <c r="C44" s="13">
        <v>440</v>
      </c>
      <c r="D44" s="19">
        <v>193</v>
      </c>
      <c r="E44" s="19">
        <v>247</v>
      </c>
      <c r="F44" s="19"/>
      <c r="G44" s="18" t="s">
        <v>86</v>
      </c>
      <c r="H44" s="17"/>
      <c r="I44" s="13">
        <v>676</v>
      </c>
      <c r="J44" s="19">
        <v>295</v>
      </c>
      <c r="K44" s="19">
        <v>381</v>
      </c>
    </row>
    <row r="45" spans="1:11" ht="15" customHeight="1">
      <c r="A45" s="17" t="s">
        <v>87</v>
      </c>
      <c r="B45" s="17"/>
      <c r="C45" s="13">
        <v>455</v>
      </c>
      <c r="D45" s="19">
        <v>209</v>
      </c>
      <c r="E45" s="19">
        <v>246</v>
      </c>
      <c r="F45" s="19"/>
      <c r="G45" s="18" t="s">
        <v>88</v>
      </c>
      <c r="H45" s="17"/>
      <c r="I45" s="13">
        <v>595</v>
      </c>
      <c r="J45" s="19">
        <v>220</v>
      </c>
      <c r="K45" s="19">
        <v>375</v>
      </c>
    </row>
    <row r="46" spans="1:11" ht="15" customHeight="1">
      <c r="A46" s="17" t="s">
        <v>89</v>
      </c>
      <c r="B46" s="17"/>
      <c r="C46" s="13">
        <v>486</v>
      </c>
      <c r="D46" s="19">
        <v>228</v>
      </c>
      <c r="E46" s="19">
        <v>258</v>
      </c>
      <c r="F46" s="19"/>
      <c r="G46" s="18" t="s">
        <v>90</v>
      </c>
      <c r="H46" s="17"/>
      <c r="I46" s="13">
        <v>563</v>
      </c>
      <c r="J46" s="19">
        <v>237</v>
      </c>
      <c r="K46" s="19">
        <v>326</v>
      </c>
    </row>
    <row r="47" spans="1:11" ht="20.100000000000001" customHeight="1">
      <c r="A47" s="17" t="s">
        <v>91</v>
      </c>
      <c r="B47" s="17"/>
      <c r="C47" s="13">
        <v>2854</v>
      </c>
      <c r="D47" s="14">
        <v>1318</v>
      </c>
      <c r="E47" s="14">
        <v>1536</v>
      </c>
      <c r="F47" s="14"/>
      <c r="G47" s="18" t="s">
        <v>92</v>
      </c>
      <c r="H47" s="17"/>
      <c r="I47" s="13">
        <v>2095</v>
      </c>
      <c r="J47" s="14">
        <v>787</v>
      </c>
      <c r="K47" s="14">
        <v>1308</v>
      </c>
    </row>
    <row r="48" spans="1:11" ht="15" customHeight="1">
      <c r="A48" s="17" t="s">
        <v>93</v>
      </c>
      <c r="B48" s="17"/>
      <c r="C48" s="13">
        <v>534</v>
      </c>
      <c r="D48" s="19">
        <v>253</v>
      </c>
      <c r="E48" s="19">
        <v>281</v>
      </c>
      <c r="F48" s="19"/>
      <c r="G48" s="18" t="s">
        <v>94</v>
      </c>
      <c r="H48" s="17"/>
      <c r="I48" s="13">
        <v>496</v>
      </c>
      <c r="J48" s="19">
        <v>186</v>
      </c>
      <c r="K48" s="19">
        <v>310</v>
      </c>
    </row>
    <row r="49" spans="1:11" ht="15" customHeight="1">
      <c r="A49" s="17" t="s">
        <v>95</v>
      </c>
      <c r="B49" s="17"/>
      <c r="C49" s="13">
        <v>544</v>
      </c>
      <c r="D49" s="19">
        <v>231</v>
      </c>
      <c r="E49" s="19">
        <v>313</v>
      </c>
      <c r="F49" s="19"/>
      <c r="G49" s="18" t="s">
        <v>96</v>
      </c>
      <c r="H49" s="17"/>
      <c r="I49" s="13">
        <v>488</v>
      </c>
      <c r="J49" s="19">
        <v>194</v>
      </c>
      <c r="K49" s="19">
        <v>294</v>
      </c>
    </row>
    <row r="50" spans="1:11" ht="15" customHeight="1">
      <c r="A50" s="17" t="s">
        <v>97</v>
      </c>
      <c r="B50" s="17"/>
      <c r="C50" s="13">
        <v>573</v>
      </c>
      <c r="D50" s="19">
        <v>260</v>
      </c>
      <c r="E50" s="19">
        <v>313</v>
      </c>
      <c r="F50" s="19"/>
      <c r="G50" s="18" t="s">
        <v>98</v>
      </c>
      <c r="H50" s="17"/>
      <c r="I50" s="13">
        <v>425</v>
      </c>
      <c r="J50" s="19">
        <v>157</v>
      </c>
      <c r="K50" s="19">
        <v>268</v>
      </c>
    </row>
    <row r="51" spans="1:11" ht="15" customHeight="1">
      <c r="A51" s="17" t="s">
        <v>99</v>
      </c>
      <c r="B51" s="17"/>
      <c r="C51" s="13">
        <v>570</v>
      </c>
      <c r="D51" s="19">
        <v>272</v>
      </c>
      <c r="E51" s="19">
        <v>298</v>
      </c>
      <c r="F51" s="19"/>
      <c r="G51" s="18" t="s">
        <v>100</v>
      </c>
      <c r="H51" s="17"/>
      <c r="I51" s="13">
        <v>338</v>
      </c>
      <c r="J51" s="19">
        <v>127</v>
      </c>
      <c r="K51" s="19">
        <v>211</v>
      </c>
    </row>
    <row r="52" spans="1:11" ht="15" customHeight="1">
      <c r="A52" s="17" t="s">
        <v>101</v>
      </c>
      <c r="B52" s="17"/>
      <c r="C52" s="13">
        <v>633</v>
      </c>
      <c r="D52" s="19">
        <v>302</v>
      </c>
      <c r="E52" s="19">
        <v>331</v>
      </c>
      <c r="F52" s="19"/>
      <c r="G52" s="18" t="s">
        <v>102</v>
      </c>
      <c r="H52" s="17"/>
      <c r="I52" s="13">
        <v>348</v>
      </c>
      <c r="J52" s="19">
        <v>123</v>
      </c>
      <c r="K52" s="19">
        <v>225</v>
      </c>
    </row>
    <row r="53" spans="1:11" ht="20.100000000000001" customHeight="1">
      <c r="A53" s="17" t="s">
        <v>103</v>
      </c>
      <c r="B53" s="17"/>
      <c r="C53" s="13">
        <v>3896</v>
      </c>
      <c r="D53" s="14">
        <v>1844</v>
      </c>
      <c r="E53" s="14">
        <v>2052</v>
      </c>
      <c r="F53" s="14"/>
      <c r="G53" s="18" t="s">
        <v>104</v>
      </c>
      <c r="H53" s="17"/>
      <c r="I53" s="13">
        <v>977</v>
      </c>
      <c r="J53" s="14">
        <v>280</v>
      </c>
      <c r="K53" s="14">
        <v>697</v>
      </c>
    </row>
    <row r="54" spans="1:11" ht="15" customHeight="1">
      <c r="A54" s="17" t="s">
        <v>105</v>
      </c>
      <c r="B54" s="17"/>
      <c r="C54" s="13">
        <v>699</v>
      </c>
      <c r="D54" s="19">
        <v>320</v>
      </c>
      <c r="E54" s="19">
        <v>379</v>
      </c>
      <c r="F54" s="19"/>
      <c r="G54" s="18" t="s">
        <v>106</v>
      </c>
      <c r="H54" s="17"/>
      <c r="I54" s="13">
        <v>287</v>
      </c>
      <c r="J54" s="19">
        <v>84</v>
      </c>
      <c r="K54" s="19">
        <v>203</v>
      </c>
    </row>
    <row r="55" spans="1:11" ht="15" customHeight="1">
      <c r="A55" s="17" t="s">
        <v>107</v>
      </c>
      <c r="B55" s="17"/>
      <c r="C55" s="13">
        <v>754</v>
      </c>
      <c r="D55" s="19">
        <v>358</v>
      </c>
      <c r="E55" s="19">
        <v>396</v>
      </c>
      <c r="F55" s="19"/>
      <c r="G55" s="18" t="s">
        <v>108</v>
      </c>
      <c r="H55" s="17"/>
      <c r="I55" s="13">
        <v>244</v>
      </c>
      <c r="J55" s="19">
        <v>77</v>
      </c>
      <c r="K55" s="19">
        <v>167</v>
      </c>
    </row>
    <row r="56" spans="1:11" ht="15" customHeight="1">
      <c r="A56" s="17" t="s">
        <v>109</v>
      </c>
      <c r="B56" s="17"/>
      <c r="C56" s="13">
        <v>767</v>
      </c>
      <c r="D56" s="19">
        <v>369</v>
      </c>
      <c r="E56" s="19">
        <v>398</v>
      </c>
      <c r="F56" s="19"/>
      <c r="G56" s="18" t="s">
        <v>110</v>
      </c>
      <c r="H56" s="17"/>
      <c r="I56" s="13">
        <v>186</v>
      </c>
      <c r="J56" s="19">
        <v>46</v>
      </c>
      <c r="K56" s="19">
        <v>140</v>
      </c>
    </row>
    <row r="57" spans="1:11" ht="15" customHeight="1">
      <c r="A57" s="17" t="s">
        <v>111</v>
      </c>
      <c r="B57" s="17"/>
      <c r="C57" s="13">
        <v>852</v>
      </c>
      <c r="D57" s="19">
        <v>400</v>
      </c>
      <c r="E57" s="19">
        <v>452</v>
      </c>
      <c r="F57" s="19"/>
      <c r="G57" s="18" t="s">
        <v>112</v>
      </c>
      <c r="H57" s="17"/>
      <c r="I57" s="13">
        <v>145</v>
      </c>
      <c r="J57" s="19">
        <v>38</v>
      </c>
      <c r="K57" s="19">
        <v>107</v>
      </c>
    </row>
    <row r="58" spans="1:11" ht="15" customHeight="1">
      <c r="A58" s="17" t="s">
        <v>113</v>
      </c>
      <c r="B58" s="17"/>
      <c r="C58" s="13">
        <v>824</v>
      </c>
      <c r="D58" s="19">
        <v>397</v>
      </c>
      <c r="E58" s="19">
        <v>427</v>
      </c>
      <c r="F58" s="19"/>
      <c r="G58" s="18" t="s">
        <v>114</v>
      </c>
      <c r="H58" s="17"/>
      <c r="I58" s="13">
        <v>115</v>
      </c>
      <c r="J58" s="19">
        <v>35</v>
      </c>
      <c r="K58" s="19">
        <v>80</v>
      </c>
    </row>
    <row r="59" spans="1:11" ht="20.100000000000001" customHeight="1">
      <c r="A59" s="17" t="s">
        <v>115</v>
      </c>
      <c r="B59" s="17"/>
      <c r="C59" s="13">
        <v>4999</v>
      </c>
      <c r="D59" s="14">
        <v>2431</v>
      </c>
      <c r="E59" s="14">
        <v>2568</v>
      </c>
      <c r="F59" s="14"/>
      <c r="G59" s="18" t="s">
        <v>116</v>
      </c>
      <c r="H59" s="17"/>
      <c r="I59" s="13">
        <v>233</v>
      </c>
      <c r="J59" s="14">
        <v>67</v>
      </c>
      <c r="K59" s="14">
        <v>166</v>
      </c>
    </row>
    <row r="60" spans="1:11" ht="15" customHeight="1">
      <c r="A60" s="17" t="s">
        <v>117</v>
      </c>
      <c r="B60" s="17"/>
      <c r="C60" s="13">
        <v>941</v>
      </c>
      <c r="D60" s="19">
        <v>475</v>
      </c>
      <c r="E60" s="19">
        <v>466</v>
      </c>
      <c r="F60" s="19"/>
      <c r="G60" s="18" t="s">
        <v>118</v>
      </c>
      <c r="H60" s="17"/>
      <c r="I60" s="13">
        <v>91</v>
      </c>
      <c r="J60" s="19">
        <v>32</v>
      </c>
      <c r="K60" s="19">
        <v>59</v>
      </c>
    </row>
    <row r="61" spans="1:11" ht="15" customHeight="1">
      <c r="A61" s="17" t="s">
        <v>119</v>
      </c>
      <c r="B61" s="17"/>
      <c r="C61" s="13">
        <v>1036</v>
      </c>
      <c r="D61" s="19">
        <v>508</v>
      </c>
      <c r="E61" s="19">
        <v>528</v>
      </c>
      <c r="F61" s="19"/>
      <c r="G61" s="18" t="s">
        <v>120</v>
      </c>
      <c r="H61" s="17"/>
      <c r="I61" s="13">
        <v>61</v>
      </c>
      <c r="J61" s="19">
        <v>17</v>
      </c>
      <c r="K61" s="19">
        <v>44</v>
      </c>
    </row>
    <row r="62" spans="1:11" ht="15" customHeight="1">
      <c r="A62" s="17" t="s">
        <v>121</v>
      </c>
      <c r="B62" s="17"/>
      <c r="C62" s="13">
        <v>987</v>
      </c>
      <c r="D62" s="19">
        <v>449</v>
      </c>
      <c r="E62" s="19">
        <v>538</v>
      </c>
      <c r="F62" s="19"/>
      <c r="G62" s="18" t="s">
        <v>122</v>
      </c>
      <c r="H62" s="17"/>
      <c r="I62" s="13">
        <v>35</v>
      </c>
      <c r="J62" s="19">
        <v>10</v>
      </c>
      <c r="K62" s="19">
        <v>25</v>
      </c>
    </row>
    <row r="63" spans="1:11" ht="15" customHeight="1">
      <c r="A63" s="17" t="s">
        <v>123</v>
      </c>
      <c r="B63" s="17"/>
      <c r="C63" s="13">
        <v>1019</v>
      </c>
      <c r="D63" s="19">
        <v>507</v>
      </c>
      <c r="E63" s="19">
        <v>512</v>
      </c>
      <c r="F63" s="19"/>
      <c r="G63" s="18" t="s">
        <v>124</v>
      </c>
      <c r="H63" s="17"/>
      <c r="I63" s="13">
        <v>30</v>
      </c>
      <c r="J63" s="19">
        <v>7</v>
      </c>
      <c r="K63" s="19">
        <v>23</v>
      </c>
    </row>
    <row r="64" spans="1:11" ht="15" customHeight="1">
      <c r="A64" s="17" t="s">
        <v>125</v>
      </c>
      <c r="B64" s="17"/>
      <c r="C64" s="13">
        <v>1016</v>
      </c>
      <c r="D64" s="19">
        <v>492</v>
      </c>
      <c r="E64" s="19">
        <v>524</v>
      </c>
      <c r="F64" s="19"/>
      <c r="G64" s="18" t="s">
        <v>126</v>
      </c>
      <c r="H64" s="17"/>
      <c r="I64" s="13">
        <v>16</v>
      </c>
      <c r="J64" s="19">
        <v>1</v>
      </c>
      <c r="K64" s="19">
        <v>1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</v>
      </c>
      <c r="J65" s="19">
        <v>1</v>
      </c>
      <c r="K65" s="19">
        <v>1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81</v>
      </c>
      <c r="J66" s="29">
        <v>81</v>
      </c>
      <c r="K66" s="29">
        <v>10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2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  <c r="L1" s="4"/>
    </row>
    <row r="2" spans="1:12" ht="26.1" customHeight="1">
      <c r="A2" s="5" t="s">
        <v>17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2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2" ht="20.100000000000001" customHeight="1">
      <c r="A4" s="12" t="s">
        <v>4</v>
      </c>
      <c r="B4" s="12"/>
      <c r="C4" s="13">
        <v>42308</v>
      </c>
      <c r="D4" s="14">
        <v>20317</v>
      </c>
      <c r="E4" s="14">
        <v>21991</v>
      </c>
      <c r="F4" s="14"/>
      <c r="G4" s="15"/>
      <c r="H4" s="12"/>
      <c r="I4" s="16"/>
      <c r="J4" s="12"/>
      <c r="K4" s="12"/>
    </row>
    <row r="5" spans="1:12" ht="20.100000000000001" customHeight="1">
      <c r="A5" s="17" t="s">
        <v>7</v>
      </c>
      <c r="B5" s="17"/>
      <c r="C5" s="13">
        <v>952</v>
      </c>
      <c r="D5" s="14">
        <v>509</v>
      </c>
      <c r="E5" s="14">
        <v>443</v>
      </c>
      <c r="F5" s="14"/>
      <c r="G5" s="18" t="s">
        <v>8</v>
      </c>
      <c r="H5" s="17"/>
      <c r="I5" s="13">
        <v>2835</v>
      </c>
      <c r="J5" s="14">
        <v>1451</v>
      </c>
      <c r="K5" s="14">
        <v>1384</v>
      </c>
    </row>
    <row r="6" spans="1:12" ht="15" customHeight="1">
      <c r="A6" s="17" t="s">
        <v>9</v>
      </c>
      <c r="B6" s="17"/>
      <c r="C6" s="13">
        <v>160</v>
      </c>
      <c r="D6" s="19">
        <v>85</v>
      </c>
      <c r="E6" s="19">
        <v>75</v>
      </c>
      <c r="F6" s="19"/>
      <c r="G6" s="18" t="s">
        <v>10</v>
      </c>
      <c r="H6" s="17"/>
      <c r="I6" s="13">
        <v>607</v>
      </c>
      <c r="J6" s="19">
        <v>316</v>
      </c>
      <c r="K6" s="19">
        <v>291</v>
      </c>
    </row>
    <row r="7" spans="1:12" ht="15" customHeight="1">
      <c r="A7" s="17" t="s">
        <v>11</v>
      </c>
      <c r="B7" s="17"/>
      <c r="C7" s="13">
        <v>187</v>
      </c>
      <c r="D7" s="19">
        <v>98</v>
      </c>
      <c r="E7" s="19">
        <v>89</v>
      </c>
      <c r="F7" s="19"/>
      <c r="G7" s="18" t="s">
        <v>12</v>
      </c>
      <c r="H7" s="17"/>
      <c r="I7" s="13">
        <v>605</v>
      </c>
      <c r="J7" s="19">
        <v>291</v>
      </c>
      <c r="K7" s="19">
        <v>314</v>
      </c>
    </row>
    <row r="8" spans="1:12" ht="15" customHeight="1">
      <c r="A8" s="17" t="s">
        <v>13</v>
      </c>
      <c r="B8" s="17"/>
      <c r="C8" s="13">
        <v>195</v>
      </c>
      <c r="D8" s="19">
        <v>106</v>
      </c>
      <c r="E8" s="19">
        <v>89</v>
      </c>
      <c r="F8" s="19"/>
      <c r="G8" s="18" t="s">
        <v>14</v>
      </c>
      <c r="H8" s="17"/>
      <c r="I8" s="13">
        <v>630</v>
      </c>
      <c r="J8" s="19">
        <v>325</v>
      </c>
      <c r="K8" s="19">
        <v>305</v>
      </c>
    </row>
    <row r="9" spans="1:12" ht="15" customHeight="1">
      <c r="A9" s="17" t="s">
        <v>15</v>
      </c>
      <c r="B9" s="17"/>
      <c r="C9" s="13">
        <v>210</v>
      </c>
      <c r="D9" s="19">
        <v>106</v>
      </c>
      <c r="E9" s="19">
        <v>104</v>
      </c>
      <c r="F9" s="19"/>
      <c r="G9" s="18" t="s">
        <v>16</v>
      </c>
      <c r="H9" s="17"/>
      <c r="I9" s="13">
        <v>423</v>
      </c>
      <c r="J9" s="19">
        <v>222</v>
      </c>
      <c r="K9" s="19">
        <v>201</v>
      </c>
    </row>
    <row r="10" spans="1:12" ht="15" customHeight="1">
      <c r="A10" s="17" t="s">
        <v>17</v>
      </c>
      <c r="B10" s="17"/>
      <c r="C10" s="13">
        <v>200</v>
      </c>
      <c r="D10" s="19">
        <v>114</v>
      </c>
      <c r="E10" s="19">
        <v>86</v>
      </c>
      <c r="F10" s="19"/>
      <c r="G10" s="18" t="s">
        <v>18</v>
      </c>
      <c r="H10" s="17"/>
      <c r="I10" s="13">
        <v>570</v>
      </c>
      <c r="J10" s="19">
        <v>297</v>
      </c>
      <c r="K10" s="19">
        <v>273</v>
      </c>
    </row>
    <row r="11" spans="1:12" ht="20.100000000000001" customHeight="1">
      <c r="A11" s="17" t="s">
        <v>19</v>
      </c>
      <c r="B11" s="17"/>
      <c r="C11" s="13">
        <v>1186</v>
      </c>
      <c r="D11" s="14">
        <v>623</v>
      </c>
      <c r="E11" s="14">
        <v>563</v>
      </c>
      <c r="F11" s="14"/>
      <c r="G11" s="18" t="s">
        <v>20</v>
      </c>
      <c r="H11" s="17"/>
      <c r="I11" s="13">
        <v>2765</v>
      </c>
      <c r="J11" s="14">
        <v>1382</v>
      </c>
      <c r="K11" s="14">
        <v>1383</v>
      </c>
    </row>
    <row r="12" spans="1:12" ht="15" customHeight="1">
      <c r="A12" s="17" t="s">
        <v>21</v>
      </c>
      <c r="B12" s="17"/>
      <c r="C12" s="13">
        <v>226</v>
      </c>
      <c r="D12" s="19">
        <v>119</v>
      </c>
      <c r="E12" s="19">
        <v>107</v>
      </c>
      <c r="F12" s="19"/>
      <c r="G12" s="18" t="s">
        <v>22</v>
      </c>
      <c r="H12" s="17"/>
      <c r="I12" s="13">
        <v>595</v>
      </c>
      <c r="J12" s="19">
        <v>294</v>
      </c>
      <c r="K12" s="19">
        <v>301</v>
      </c>
    </row>
    <row r="13" spans="1:12" ht="15" customHeight="1">
      <c r="A13" s="17" t="s">
        <v>23</v>
      </c>
      <c r="B13" s="17"/>
      <c r="C13" s="13">
        <v>223</v>
      </c>
      <c r="D13" s="19">
        <v>113</v>
      </c>
      <c r="E13" s="19">
        <v>110</v>
      </c>
      <c r="F13" s="19"/>
      <c r="G13" s="18" t="s">
        <v>24</v>
      </c>
      <c r="H13" s="17"/>
      <c r="I13" s="13">
        <v>541</v>
      </c>
      <c r="J13" s="19">
        <v>278</v>
      </c>
      <c r="K13" s="19">
        <v>263</v>
      </c>
    </row>
    <row r="14" spans="1:12" ht="15" customHeight="1">
      <c r="A14" s="17" t="s">
        <v>25</v>
      </c>
      <c r="B14" s="17"/>
      <c r="C14" s="13">
        <v>208</v>
      </c>
      <c r="D14" s="19">
        <v>106</v>
      </c>
      <c r="E14" s="19">
        <v>102</v>
      </c>
      <c r="F14" s="19"/>
      <c r="G14" s="18" t="s">
        <v>26</v>
      </c>
      <c r="H14" s="17"/>
      <c r="I14" s="13">
        <v>547</v>
      </c>
      <c r="J14" s="19">
        <v>283</v>
      </c>
      <c r="K14" s="19">
        <v>264</v>
      </c>
    </row>
    <row r="15" spans="1:12" ht="15" customHeight="1">
      <c r="A15" s="17" t="s">
        <v>27</v>
      </c>
      <c r="B15" s="17"/>
      <c r="C15" s="13">
        <v>254</v>
      </c>
      <c r="D15" s="19">
        <v>142</v>
      </c>
      <c r="E15" s="19">
        <v>112</v>
      </c>
      <c r="F15" s="19"/>
      <c r="G15" s="18" t="s">
        <v>28</v>
      </c>
      <c r="H15" s="17"/>
      <c r="I15" s="13">
        <v>544</v>
      </c>
      <c r="J15" s="19">
        <v>263</v>
      </c>
      <c r="K15" s="19">
        <v>281</v>
      </c>
    </row>
    <row r="16" spans="1:12" ht="15" customHeight="1">
      <c r="A16" s="17" t="s">
        <v>29</v>
      </c>
      <c r="B16" s="17"/>
      <c r="C16" s="13">
        <v>275</v>
      </c>
      <c r="D16" s="19">
        <v>143</v>
      </c>
      <c r="E16" s="19">
        <v>132</v>
      </c>
      <c r="F16" s="19"/>
      <c r="G16" s="18" t="s">
        <v>30</v>
      </c>
      <c r="H16" s="17"/>
      <c r="I16" s="13">
        <v>538</v>
      </c>
      <c r="J16" s="19">
        <v>264</v>
      </c>
      <c r="K16" s="19">
        <v>274</v>
      </c>
    </row>
    <row r="17" spans="1:11" ht="20.100000000000001" customHeight="1">
      <c r="A17" s="20" t="s">
        <v>31</v>
      </c>
      <c r="B17" s="20"/>
      <c r="C17" s="13">
        <v>1442</v>
      </c>
      <c r="D17" s="14">
        <v>705</v>
      </c>
      <c r="E17" s="14">
        <v>737</v>
      </c>
      <c r="F17" s="14"/>
      <c r="G17" s="18" t="s">
        <v>32</v>
      </c>
      <c r="H17" s="17"/>
      <c r="I17" s="13">
        <v>2839</v>
      </c>
      <c r="J17" s="14">
        <v>1398</v>
      </c>
      <c r="K17" s="14">
        <v>1441</v>
      </c>
    </row>
    <row r="18" spans="1:11" ht="15" customHeight="1">
      <c r="A18" s="17" t="s">
        <v>33</v>
      </c>
      <c r="B18" s="17"/>
      <c r="C18" s="13">
        <v>254</v>
      </c>
      <c r="D18" s="19">
        <v>126</v>
      </c>
      <c r="E18" s="19">
        <v>128</v>
      </c>
      <c r="F18" s="19"/>
      <c r="G18" s="18" t="s">
        <v>34</v>
      </c>
      <c r="H18" s="17"/>
      <c r="I18" s="13">
        <v>528</v>
      </c>
      <c r="J18" s="19">
        <v>260</v>
      </c>
      <c r="K18" s="19">
        <v>268</v>
      </c>
    </row>
    <row r="19" spans="1:11" ht="15" customHeight="1">
      <c r="A19" s="17" t="s">
        <v>35</v>
      </c>
      <c r="B19" s="17"/>
      <c r="C19" s="13">
        <v>289</v>
      </c>
      <c r="D19" s="19">
        <v>125</v>
      </c>
      <c r="E19" s="19">
        <v>164</v>
      </c>
      <c r="F19" s="19"/>
      <c r="G19" s="18" t="s">
        <v>36</v>
      </c>
      <c r="H19" s="17"/>
      <c r="I19" s="13">
        <v>557</v>
      </c>
      <c r="J19" s="19">
        <v>275</v>
      </c>
      <c r="K19" s="19">
        <v>282</v>
      </c>
    </row>
    <row r="20" spans="1:11" ht="15" customHeight="1">
      <c r="A20" s="17" t="s">
        <v>37</v>
      </c>
      <c r="B20" s="17"/>
      <c r="C20" s="13">
        <v>286</v>
      </c>
      <c r="D20" s="19">
        <v>146</v>
      </c>
      <c r="E20" s="19">
        <v>140</v>
      </c>
      <c r="F20" s="19"/>
      <c r="G20" s="18" t="s">
        <v>38</v>
      </c>
      <c r="H20" s="17"/>
      <c r="I20" s="13">
        <v>540</v>
      </c>
      <c r="J20" s="19">
        <v>276</v>
      </c>
      <c r="K20" s="19">
        <v>264</v>
      </c>
    </row>
    <row r="21" spans="1:11" ht="15" customHeight="1">
      <c r="A21" s="17" t="s">
        <v>39</v>
      </c>
      <c r="B21" s="17"/>
      <c r="C21" s="13">
        <v>291</v>
      </c>
      <c r="D21" s="19">
        <v>148</v>
      </c>
      <c r="E21" s="19">
        <v>143</v>
      </c>
      <c r="F21" s="19"/>
      <c r="G21" s="18" t="s">
        <v>40</v>
      </c>
      <c r="H21" s="17"/>
      <c r="I21" s="13">
        <v>555</v>
      </c>
      <c r="J21" s="19">
        <v>278</v>
      </c>
      <c r="K21" s="19">
        <v>277</v>
      </c>
    </row>
    <row r="22" spans="1:11" ht="15" customHeight="1">
      <c r="A22" s="17" t="s">
        <v>41</v>
      </c>
      <c r="B22" s="17"/>
      <c r="C22" s="13">
        <v>322</v>
      </c>
      <c r="D22" s="19">
        <v>160</v>
      </c>
      <c r="E22" s="19">
        <v>162</v>
      </c>
      <c r="F22" s="19"/>
      <c r="G22" s="18" t="s">
        <v>42</v>
      </c>
      <c r="H22" s="17"/>
      <c r="I22" s="13">
        <v>659</v>
      </c>
      <c r="J22" s="19">
        <v>309</v>
      </c>
      <c r="K22" s="19">
        <v>350</v>
      </c>
    </row>
    <row r="23" spans="1:11" ht="20.100000000000001" customHeight="1">
      <c r="A23" s="17" t="s">
        <v>43</v>
      </c>
      <c r="B23" s="17"/>
      <c r="C23" s="13">
        <v>1747</v>
      </c>
      <c r="D23" s="14">
        <v>881</v>
      </c>
      <c r="E23" s="14">
        <v>866</v>
      </c>
      <c r="F23" s="14"/>
      <c r="G23" s="18" t="s">
        <v>44</v>
      </c>
      <c r="H23" s="17"/>
      <c r="I23" s="13">
        <v>3875</v>
      </c>
      <c r="J23" s="14">
        <v>1920</v>
      </c>
      <c r="K23" s="14">
        <v>1955</v>
      </c>
    </row>
    <row r="24" spans="1:11" ht="15" customHeight="1">
      <c r="A24" s="17" t="s">
        <v>45</v>
      </c>
      <c r="B24" s="17"/>
      <c r="C24" s="13">
        <v>344</v>
      </c>
      <c r="D24" s="19">
        <v>185</v>
      </c>
      <c r="E24" s="19">
        <v>159</v>
      </c>
      <c r="F24" s="19"/>
      <c r="G24" s="18" t="s">
        <v>46</v>
      </c>
      <c r="H24" s="17"/>
      <c r="I24" s="13">
        <v>669</v>
      </c>
      <c r="J24" s="19">
        <v>332</v>
      </c>
      <c r="K24" s="19">
        <v>337</v>
      </c>
    </row>
    <row r="25" spans="1:11" ht="15" customHeight="1">
      <c r="A25" s="17" t="s">
        <v>47</v>
      </c>
      <c r="B25" s="17"/>
      <c r="C25" s="13">
        <v>347</v>
      </c>
      <c r="D25" s="19">
        <v>180</v>
      </c>
      <c r="E25" s="19">
        <v>167</v>
      </c>
      <c r="F25" s="19"/>
      <c r="G25" s="18" t="s">
        <v>48</v>
      </c>
      <c r="H25" s="17"/>
      <c r="I25" s="13">
        <v>755</v>
      </c>
      <c r="J25" s="19">
        <v>342</v>
      </c>
      <c r="K25" s="19">
        <v>413</v>
      </c>
    </row>
    <row r="26" spans="1:11" ht="15" customHeight="1">
      <c r="A26" s="17" t="s">
        <v>49</v>
      </c>
      <c r="B26" s="17"/>
      <c r="C26" s="13">
        <v>350</v>
      </c>
      <c r="D26" s="19">
        <v>165</v>
      </c>
      <c r="E26" s="19">
        <v>185</v>
      </c>
      <c r="F26" s="19"/>
      <c r="G26" s="18" t="s">
        <v>50</v>
      </c>
      <c r="H26" s="17"/>
      <c r="I26" s="13">
        <v>755</v>
      </c>
      <c r="J26" s="19">
        <v>391</v>
      </c>
      <c r="K26" s="19">
        <v>364</v>
      </c>
    </row>
    <row r="27" spans="1:11" ht="15" customHeight="1">
      <c r="A27" s="17" t="s">
        <v>51</v>
      </c>
      <c r="B27" s="17"/>
      <c r="C27" s="13">
        <v>358</v>
      </c>
      <c r="D27" s="19">
        <v>190</v>
      </c>
      <c r="E27" s="19">
        <v>168</v>
      </c>
      <c r="F27" s="19"/>
      <c r="G27" s="18" t="s">
        <v>52</v>
      </c>
      <c r="H27" s="17"/>
      <c r="I27" s="13">
        <v>838</v>
      </c>
      <c r="J27" s="19">
        <v>398</v>
      </c>
      <c r="K27" s="19">
        <v>440</v>
      </c>
    </row>
    <row r="28" spans="1:11" ht="15" customHeight="1">
      <c r="A28" s="17" t="s">
        <v>53</v>
      </c>
      <c r="B28" s="17"/>
      <c r="C28" s="13">
        <v>348</v>
      </c>
      <c r="D28" s="19">
        <v>161</v>
      </c>
      <c r="E28" s="19">
        <v>187</v>
      </c>
      <c r="F28" s="19"/>
      <c r="G28" s="18" t="s">
        <v>54</v>
      </c>
      <c r="H28" s="17"/>
      <c r="I28" s="13">
        <v>858</v>
      </c>
      <c r="J28" s="19">
        <v>457</v>
      </c>
      <c r="K28" s="19">
        <v>401</v>
      </c>
    </row>
    <row r="29" spans="1:11" ht="20.100000000000001" customHeight="1">
      <c r="A29" s="17" t="s">
        <v>55</v>
      </c>
      <c r="B29" s="17"/>
      <c r="C29" s="13">
        <v>1713</v>
      </c>
      <c r="D29" s="14">
        <v>883</v>
      </c>
      <c r="E29" s="14">
        <v>830</v>
      </c>
      <c r="F29" s="14"/>
      <c r="G29" s="18" t="s">
        <v>56</v>
      </c>
      <c r="H29" s="17"/>
      <c r="I29" s="13">
        <v>4067</v>
      </c>
      <c r="J29" s="14">
        <v>1946</v>
      </c>
      <c r="K29" s="14">
        <v>2121</v>
      </c>
    </row>
    <row r="30" spans="1:11" ht="15" customHeight="1">
      <c r="A30" s="17" t="s">
        <v>57</v>
      </c>
      <c r="B30" s="17"/>
      <c r="C30" s="13">
        <v>364</v>
      </c>
      <c r="D30" s="19">
        <v>186</v>
      </c>
      <c r="E30" s="19">
        <v>178</v>
      </c>
      <c r="F30" s="19"/>
      <c r="G30" s="18" t="s">
        <v>58</v>
      </c>
      <c r="H30" s="17"/>
      <c r="I30" s="13">
        <v>947</v>
      </c>
      <c r="J30" s="19">
        <v>461</v>
      </c>
      <c r="K30" s="19">
        <v>486</v>
      </c>
    </row>
    <row r="31" spans="1:11" ht="15" customHeight="1">
      <c r="A31" s="17" t="s">
        <v>59</v>
      </c>
      <c r="B31" s="17"/>
      <c r="C31" s="13">
        <v>379</v>
      </c>
      <c r="D31" s="19">
        <v>210</v>
      </c>
      <c r="E31" s="19">
        <v>169</v>
      </c>
      <c r="F31" s="19"/>
      <c r="G31" s="18" t="s">
        <v>60</v>
      </c>
      <c r="H31" s="17"/>
      <c r="I31" s="13">
        <v>944</v>
      </c>
      <c r="J31" s="19">
        <v>453</v>
      </c>
      <c r="K31" s="19">
        <v>491</v>
      </c>
    </row>
    <row r="32" spans="1:11" ht="15" customHeight="1">
      <c r="A32" s="17" t="s">
        <v>61</v>
      </c>
      <c r="B32" s="17"/>
      <c r="C32" s="13">
        <v>372</v>
      </c>
      <c r="D32" s="19">
        <v>179</v>
      </c>
      <c r="E32" s="19">
        <v>193</v>
      </c>
      <c r="F32" s="19"/>
      <c r="G32" s="18" t="s">
        <v>62</v>
      </c>
      <c r="H32" s="17"/>
      <c r="I32" s="13">
        <v>993</v>
      </c>
      <c r="J32" s="19">
        <v>480</v>
      </c>
      <c r="K32" s="19">
        <v>513</v>
      </c>
    </row>
    <row r="33" spans="1:11" ht="15" customHeight="1">
      <c r="A33" s="17" t="s">
        <v>63</v>
      </c>
      <c r="B33" s="17"/>
      <c r="C33" s="13">
        <v>305</v>
      </c>
      <c r="D33" s="19">
        <v>167</v>
      </c>
      <c r="E33" s="19">
        <v>138</v>
      </c>
      <c r="F33" s="19"/>
      <c r="G33" s="18" t="s">
        <v>64</v>
      </c>
      <c r="H33" s="17"/>
      <c r="I33" s="13">
        <v>671</v>
      </c>
      <c r="J33" s="19">
        <v>314</v>
      </c>
      <c r="K33" s="19">
        <v>357</v>
      </c>
    </row>
    <row r="34" spans="1:11" ht="15" customHeight="1">
      <c r="A34" s="17" t="s">
        <v>65</v>
      </c>
      <c r="B34" s="17"/>
      <c r="C34" s="13">
        <v>293</v>
      </c>
      <c r="D34" s="19">
        <v>141</v>
      </c>
      <c r="E34" s="19">
        <v>152</v>
      </c>
      <c r="F34" s="19"/>
      <c r="G34" s="18" t="s">
        <v>66</v>
      </c>
      <c r="H34" s="17"/>
      <c r="I34" s="13">
        <v>512</v>
      </c>
      <c r="J34" s="19">
        <v>238</v>
      </c>
      <c r="K34" s="19">
        <v>274</v>
      </c>
    </row>
    <row r="35" spans="1:11" ht="20.100000000000001" customHeight="1">
      <c r="A35" s="17" t="s">
        <v>67</v>
      </c>
      <c r="B35" s="17"/>
      <c r="C35" s="13">
        <v>1388</v>
      </c>
      <c r="D35" s="14">
        <v>700</v>
      </c>
      <c r="E35" s="14">
        <v>688</v>
      </c>
      <c r="F35" s="14"/>
      <c r="G35" s="18" t="s">
        <v>68</v>
      </c>
      <c r="H35" s="17"/>
      <c r="I35" s="13">
        <v>3540</v>
      </c>
      <c r="J35" s="14">
        <v>1581</v>
      </c>
      <c r="K35" s="14">
        <v>1959</v>
      </c>
    </row>
    <row r="36" spans="1:11" ht="15" customHeight="1">
      <c r="A36" s="17" t="s">
        <v>69</v>
      </c>
      <c r="B36" s="17"/>
      <c r="C36" s="13">
        <v>274</v>
      </c>
      <c r="D36" s="19">
        <v>152</v>
      </c>
      <c r="E36" s="19">
        <v>122</v>
      </c>
      <c r="F36" s="19"/>
      <c r="G36" s="18" t="s">
        <v>70</v>
      </c>
      <c r="H36" s="17"/>
      <c r="I36" s="13">
        <v>719</v>
      </c>
      <c r="J36" s="19">
        <v>333</v>
      </c>
      <c r="K36" s="19">
        <v>386</v>
      </c>
    </row>
    <row r="37" spans="1:11" ht="15" customHeight="1">
      <c r="A37" s="17" t="s">
        <v>71</v>
      </c>
      <c r="B37" s="17"/>
      <c r="C37" s="13">
        <v>304</v>
      </c>
      <c r="D37" s="19">
        <v>151</v>
      </c>
      <c r="E37" s="19">
        <v>153</v>
      </c>
      <c r="F37" s="19"/>
      <c r="G37" s="18" t="s">
        <v>72</v>
      </c>
      <c r="H37" s="17"/>
      <c r="I37" s="13">
        <v>740</v>
      </c>
      <c r="J37" s="19">
        <v>337</v>
      </c>
      <c r="K37" s="19">
        <v>403</v>
      </c>
    </row>
    <row r="38" spans="1:11" ht="15" customHeight="1">
      <c r="A38" s="17" t="s">
        <v>73</v>
      </c>
      <c r="B38" s="17"/>
      <c r="C38" s="13">
        <v>267</v>
      </c>
      <c r="D38" s="19">
        <v>137</v>
      </c>
      <c r="E38" s="19">
        <v>130</v>
      </c>
      <c r="F38" s="19"/>
      <c r="G38" s="18" t="s">
        <v>74</v>
      </c>
      <c r="H38" s="17"/>
      <c r="I38" s="13">
        <v>740</v>
      </c>
      <c r="J38" s="19">
        <v>330</v>
      </c>
      <c r="K38" s="19">
        <v>410</v>
      </c>
    </row>
    <row r="39" spans="1:11" ht="15" customHeight="1">
      <c r="A39" s="17" t="s">
        <v>75</v>
      </c>
      <c r="B39" s="17"/>
      <c r="C39" s="13">
        <v>283</v>
      </c>
      <c r="D39" s="19">
        <v>133</v>
      </c>
      <c r="E39" s="19">
        <v>150</v>
      </c>
      <c r="F39" s="19"/>
      <c r="G39" s="18" t="s">
        <v>76</v>
      </c>
      <c r="H39" s="17"/>
      <c r="I39" s="13">
        <v>720</v>
      </c>
      <c r="J39" s="19">
        <v>330</v>
      </c>
      <c r="K39" s="19">
        <v>390</v>
      </c>
    </row>
    <row r="40" spans="1:11" ht="15" customHeight="1">
      <c r="A40" s="17" t="s">
        <v>77</v>
      </c>
      <c r="B40" s="17"/>
      <c r="C40" s="13">
        <v>260</v>
      </c>
      <c r="D40" s="19">
        <v>127</v>
      </c>
      <c r="E40" s="19">
        <v>133</v>
      </c>
      <c r="F40" s="19"/>
      <c r="G40" s="18" t="s">
        <v>78</v>
      </c>
      <c r="H40" s="17"/>
      <c r="I40" s="13">
        <v>621</v>
      </c>
      <c r="J40" s="19">
        <v>251</v>
      </c>
      <c r="K40" s="19">
        <v>370</v>
      </c>
    </row>
    <row r="41" spans="1:11" ht="20.100000000000001" customHeight="1">
      <c r="A41" s="17" t="s">
        <v>79</v>
      </c>
      <c r="B41" s="17"/>
      <c r="C41" s="13">
        <v>1502</v>
      </c>
      <c r="D41" s="14">
        <v>774</v>
      </c>
      <c r="E41" s="14">
        <v>728</v>
      </c>
      <c r="F41" s="14"/>
      <c r="G41" s="18" t="s">
        <v>80</v>
      </c>
      <c r="H41" s="17"/>
      <c r="I41" s="13">
        <v>2545</v>
      </c>
      <c r="J41" s="14">
        <v>1052</v>
      </c>
      <c r="K41" s="14">
        <v>1493</v>
      </c>
    </row>
    <row r="42" spans="1:11" ht="15" customHeight="1">
      <c r="A42" s="17" t="s">
        <v>81</v>
      </c>
      <c r="B42" s="17"/>
      <c r="C42" s="13">
        <v>276</v>
      </c>
      <c r="D42" s="19">
        <v>144</v>
      </c>
      <c r="E42" s="19">
        <v>132</v>
      </c>
      <c r="F42" s="19"/>
      <c r="G42" s="18" t="s">
        <v>82</v>
      </c>
      <c r="H42" s="17"/>
      <c r="I42" s="13">
        <v>530</v>
      </c>
      <c r="J42" s="19">
        <v>236</v>
      </c>
      <c r="K42" s="19">
        <v>294</v>
      </c>
    </row>
    <row r="43" spans="1:11" ht="15" customHeight="1">
      <c r="A43" s="17" t="s">
        <v>83</v>
      </c>
      <c r="B43" s="17"/>
      <c r="C43" s="13">
        <v>295</v>
      </c>
      <c r="D43" s="19">
        <v>164</v>
      </c>
      <c r="E43" s="19">
        <v>131</v>
      </c>
      <c r="F43" s="19"/>
      <c r="G43" s="18" t="s">
        <v>84</v>
      </c>
      <c r="H43" s="17"/>
      <c r="I43" s="13">
        <v>490</v>
      </c>
      <c r="J43" s="19">
        <v>200</v>
      </c>
      <c r="K43" s="19">
        <v>290</v>
      </c>
    </row>
    <row r="44" spans="1:11" ht="15" customHeight="1">
      <c r="A44" s="17" t="s">
        <v>85</v>
      </c>
      <c r="B44" s="17"/>
      <c r="C44" s="13">
        <v>302</v>
      </c>
      <c r="D44" s="19">
        <v>152</v>
      </c>
      <c r="E44" s="19">
        <v>150</v>
      </c>
      <c r="F44" s="19"/>
      <c r="G44" s="18" t="s">
        <v>86</v>
      </c>
      <c r="H44" s="17"/>
      <c r="I44" s="13">
        <v>560</v>
      </c>
      <c r="J44" s="19">
        <v>226</v>
      </c>
      <c r="K44" s="19">
        <v>334</v>
      </c>
    </row>
    <row r="45" spans="1:11" ht="15" customHeight="1">
      <c r="A45" s="17" t="s">
        <v>87</v>
      </c>
      <c r="B45" s="17"/>
      <c r="C45" s="13">
        <v>299</v>
      </c>
      <c r="D45" s="19">
        <v>147</v>
      </c>
      <c r="E45" s="19">
        <v>152</v>
      </c>
      <c r="F45" s="19"/>
      <c r="G45" s="18" t="s">
        <v>88</v>
      </c>
      <c r="H45" s="17"/>
      <c r="I45" s="13">
        <v>485</v>
      </c>
      <c r="J45" s="19">
        <v>199</v>
      </c>
      <c r="K45" s="19">
        <v>286</v>
      </c>
    </row>
    <row r="46" spans="1:11" ht="15" customHeight="1">
      <c r="A46" s="17" t="s">
        <v>89</v>
      </c>
      <c r="B46" s="17"/>
      <c r="C46" s="13">
        <v>330</v>
      </c>
      <c r="D46" s="19">
        <v>167</v>
      </c>
      <c r="E46" s="19">
        <v>163</v>
      </c>
      <c r="F46" s="19"/>
      <c r="G46" s="18" t="s">
        <v>90</v>
      </c>
      <c r="H46" s="17"/>
      <c r="I46" s="13">
        <v>480</v>
      </c>
      <c r="J46" s="19">
        <v>191</v>
      </c>
      <c r="K46" s="19">
        <v>289</v>
      </c>
    </row>
    <row r="47" spans="1:11" ht="20.100000000000001" customHeight="1">
      <c r="A47" s="17" t="s">
        <v>91</v>
      </c>
      <c r="B47" s="17"/>
      <c r="C47" s="13">
        <v>1770</v>
      </c>
      <c r="D47" s="14">
        <v>892</v>
      </c>
      <c r="E47" s="14">
        <v>878</v>
      </c>
      <c r="F47" s="14"/>
      <c r="G47" s="18" t="s">
        <v>92</v>
      </c>
      <c r="H47" s="17"/>
      <c r="I47" s="13">
        <v>1779</v>
      </c>
      <c r="J47" s="14">
        <v>656</v>
      </c>
      <c r="K47" s="14">
        <v>1123</v>
      </c>
    </row>
    <row r="48" spans="1:11" ht="15" customHeight="1">
      <c r="A48" s="17" t="s">
        <v>93</v>
      </c>
      <c r="B48" s="17"/>
      <c r="C48" s="13">
        <v>318</v>
      </c>
      <c r="D48" s="19">
        <v>157</v>
      </c>
      <c r="E48" s="19">
        <v>161</v>
      </c>
      <c r="F48" s="19"/>
      <c r="G48" s="18" t="s">
        <v>94</v>
      </c>
      <c r="H48" s="17"/>
      <c r="I48" s="13">
        <v>402</v>
      </c>
      <c r="J48" s="19">
        <v>166</v>
      </c>
      <c r="K48" s="19">
        <v>236</v>
      </c>
    </row>
    <row r="49" spans="1:11" ht="15" customHeight="1">
      <c r="A49" s="17" t="s">
        <v>95</v>
      </c>
      <c r="B49" s="17"/>
      <c r="C49" s="13">
        <v>338</v>
      </c>
      <c r="D49" s="19">
        <v>180</v>
      </c>
      <c r="E49" s="19">
        <v>158</v>
      </c>
      <c r="F49" s="19"/>
      <c r="G49" s="18" t="s">
        <v>96</v>
      </c>
      <c r="H49" s="17"/>
      <c r="I49" s="13">
        <v>416</v>
      </c>
      <c r="J49" s="19">
        <v>164</v>
      </c>
      <c r="K49" s="19">
        <v>252</v>
      </c>
    </row>
    <row r="50" spans="1:11" ht="15" customHeight="1">
      <c r="A50" s="17" t="s">
        <v>97</v>
      </c>
      <c r="B50" s="17"/>
      <c r="C50" s="13">
        <v>359</v>
      </c>
      <c r="D50" s="19">
        <v>185</v>
      </c>
      <c r="E50" s="19">
        <v>174</v>
      </c>
      <c r="F50" s="19"/>
      <c r="G50" s="18" t="s">
        <v>98</v>
      </c>
      <c r="H50" s="17"/>
      <c r="I50" s="13">
        <v>346</v>
      </c>
      <c r="J50" s="19">
        <v>113</v>
      </c>
      <c r="K50" s="19">
        <v>233</v>
      </c>
    </row>
    <row r="51" spans="1:11" ht="15" customHeight="1">
      <c r="A51" s="17" t="s">
        <v>99</v>
      </c>
      <c r="B51" s="17"/>
      <c r="C51" s="13">
        <v>361</v>
      </c>
      <c r="D51" s="19">
        <v>179</v>
      </c>
      <c r="E51" s="19">
        <v>182</v>
      </c>
      <c r="F51" s="19"/>
      <c r="G51" s="18" t="s">
        <v>100</v>
      </c>
      <c r="H51" s="17"/>
      <c r="I51" s="13">
        <v>308</v>
      </c>
      <c r="J51" s="19">
        <v>99</v>
      </c>
      <c r="K51" s="19">
        <v>209</v>
      </c>
    </row>
    <row r="52" spans="1:11" ht="15" customHeight="1">
      <c r="A52" s="17" t="s">
        <v>101</v>
      </c>
      <c r="B52" s="17"/>
      <c r="C52" s="13">
        <v>394</v>
      </c>
      <c r="D52" s="19">
        <v>191</v>
      </c>
      <c r="E52" s="19">
        <v>203</v>
      </c>
      <c r="F52" s="19"/>
      <c r="G52" s="18" t="s">
        <v>102</v>
      </c>
      <c r="H52" s="17"/>
      <c r="I52" s="13">
        <v>307</v>
      </c>
      <c r="J52" s="19">
        <v>114</v>
      </c>
      <c r="K52" s="19">
        <v>193</v>
      </c>
    </row>
    <row r="53" spans="1:11" ht="20.100000000000001" customHeight="1">
      <c r="A53" s="17" t="s">
        <v>103</v>
      </c>
      <c r="B53" s="17"/>
      <c r="C53" s="13">
        <v>2273</v>
      </c>
      <c r="D53" s="14">
        <v>1163</v>
      </c>
      <c r="E53" s="14">
        <v>1110</v>
      </c>
      <c r="F53" s="14"/>
      <c r="G53" s="18" t="s">
        <v>104</v>
      </c>
      <c r="H53" s="17"/>
      <c r="I53" s="13">
        <v>869</v>
      </c>
      <c r="J53" s="14">
        <v>229</v>
      </c>
      <c r="K53" s="14">
        <v>640</v>
      </c>
    </row>
    <row r="54" spans="1:11" ht="15" customHeight="1">
      <c r="A54" s="17" t="s">
        <v>105</v>
      </c>
      <c r="B54" s="17"/>
      <c r="C54" s="13">
        <v>379</v>
      </c>
      <c r="D54" s="19">
        <v>190</v>
      </c>
      <c r="E54" s="19">
        <v>189</v>
      </c>
      <c r="F54" s="19"/>
      <c r="G54" s="18" t="s">
        <v>106</v>
      </c>
      <c r="H54" s="17"/>
      <c r="I54" s="13">
        <v>234</v>
      </c>
      <c r="J54" s="19">
        <v>61</v>
      </c>
      <c r="K54" s="19">
        <v>173</v>
      </c>
    </row>
    <row r="55" spans="1:11" ht="15" customHeight="1">
      <c r="A55" s="17" t="s">
        <v>107</v>
      </c>
      <c r="B55" s="17"/>
      <c r="C55" s="13">
        <v>418</v>
      </c>
      <c r="D55" s="19">
        <v>212</v>
      </c>
      <c r="E55" s="19">
        <v>206</v>
      </c>
      <c r="F55" s="19"/>
      <c r="G55" s="18" t="s">
        <v>108</v>
      </c>
      <c r="H55" s="17"/>
      <c r="I55" s="13">
        <v>197</v>
      </c>
      <c r="J55" s="19">
        <v>48</v>
      </c>
      <c r="K55" s="19">
        <v>149</v>
      </c>
    </row>
    <row r="56" spans="1:11" ht="15" customHeight="1">
      <c r="A56" s="17" t="s">
        <v>109</v>
      </c>
      <c r="B56" s="17"/>
      <c r="C56" s="13">
        <v>465</v>
      </c>
      <c r="D56" s="19">
        <v>245</v>
      </c>
      <c r="E56" s="19">
        <v>220</v>
      </c>
      <c r="F56" s="19"/>
      <c r="G56" s="18" t="s">
        <v>110</v>
      </c>
      <c r="H56" s="17"/>
      <c r="I56" s="13">
        <v>174</v>
      </c>
      <c r="J56" s="19">
        <v>45</v>
      </c>
      <c r="K56" s="19">
        <v>129</v>
      </c>
    </row>
    <row r="57" spans="1:11" ht="15" customHeight="1">
      <c r="A57" s="17" t="s">
        <v>111</v>
      </c>
      <c r="B57" s="17"/>
      <c r="C57" s="13">
        <v>482</v>
      </c>
      <c r="D57" s="19">
        <v>244</v>
      </c>
      <c r="E57" s="19">
        <v>238</v>
      </c>
      <c r="F57" s="19"/>
      <c r="G57" s="18" t="s">
        <v>112</v>
      </c>
      <c r="H57" s="17"/>
      <c r="I57" s="13">
        <v>143</v>
      </c>
      <c r="J57" s="19">
        <v>42</v>
      </c>
      <c r="K57" s="19">
        <v>101</v>
      </c>
    </row>
    <row r="58" spans="1:11" ht="15" customHeight="1">
      <c r="A58" s="17" t="s">
        <v>113</v>
      </c>
      <c r="B58" s="17"/>
      <c r="C58" s="13">
        <v>529</v>
      </c>
      <c r="D58" s="19">
        <v>272</v>
      </c>
      <c r="E58" s="19">
        <v>257</v>
      </c>
      <c r="F58" s="19"/>
      <c r="G58" s="18" t="s">
        <v>114</v>
      </c>
      <c r="H58" s="17"/>
      <c r="I58" s="13">
        <v>121</v>
      </c>
      <c r="J58" s="19">
        <v>33</v>
      </c>
      <c r="K58" s="19">
        <v>88</v>
      </c>
    </row>
    <row r="59" spans="1:11" ht="20.100000000000001" customHeight="1">
      <c r="A59" s="17" t="s">
        <v>115</v>
      </c>
      <c r="B59" s="17"/>
      <c r="C59" s="13">
        <v>2900</v>
      </c>
      <c r="D59" s="14">
        <v>1489</v>
      </c>
      <c r="E59" s="14">
        <v>1411</v>
      </c>
      <c r="F59" s="14"/>
      <c r="G59" s="18" t="s">
        <v>116</v>
      </c>
      <c r="H59" s="17"/>
      <c r="I59" s="13">
        <v>243</v>
      </c>
      <c r="J59" s="14">
        <v>60</v>
      </c>
      <c r="K59" s="14">
        <v>183</v>
      </c>
    </row>
    <row r="60" spans="1:11" ht="15" customHeight="1">
      <c r="A60" s="17" t="s">
        <v>117</v>
      </c>
      <c r="B60" s="17"/>
      <c r="C60" s="13">
        <v>494</v>
      </c>
      <c r="D60" s="19">
        <v>266</v>
      </c>
      <c r="E60" s="19">
        <v>228</v>
      </c>
      <c r="F60" s="19"/>
      <c r="G60" s="18" t="s">
        <v>118</v>
      </c>
      <c r="H60" s="17"/>
      <c r="I60" s="13">
        <v>85</v>
      </c>
      <c r="J60" s="19">
        <v>25</v>
      </c>
      <c r="K60" s="19">
        <v>60</v>
      </c>
    </row>
    <row r="61" spans="1:11" ht="15" customHeight="1">
      <c r="A61" s="17" t="s">
        <v>119</v>
      </c>
      <c r="B61" s="17"/>
      <c r="C61" s="13">
        <v>581</v>
      </c>
      <c r="D61" s="19">
        <v>285</v>
      </c>
      <c r="E61" s="19">
        <v>296</v>
      </c>
      <c r="F61" s="19"/>
      <c r="G61" s="18" t="s">
        <v>120</v>
      </c>
      <c r="H61" s="17"/>
      <c r="I61" s="13">
        <v>51</v>
      </c>
      <c r="J61" s="19">
        <v>14</v>
      </c>
      <c r="K61" s="19">
        <v>37</v>
      </c>
    </row>
    <row r="62" spans="1:11" ht="15" customHeight="1">
      <c r="A62" s="17" t="s">
        <v>121</v>
      </c>
      <c r="B62" s="17"/>
      <c r="C62" s="13">
        <v>631</v>
      </c>
      <c r="D62" s="19">
        <v>324</v>
      </c>
      <c r="E62" s="19">
        <v>307</v>
      </c>
      <c r="F62" s="19"/>
      <c r="G62" s="18" t="s">
        <v>122</v>
      </c>
      <c r="H62" s="17"/>
      <c r="I62" s="13">
        <v>47</v>
      </c>
      <c r="J62" s="19">
        <v>14</v>
      </c>
      <c r="K62" s="19">
        <v>33</v>
      </c>
    </row>
    <row r="63" spans="1:11" ht="15" customHeight="1">
      <c r="A63" s="17" t="s">
        <v>123</v>
      </c>
      <c r="B63" s="17"/>
      <c r="C63" s="13">
        <v>611</v>
      </c>
      <c r="D63" s="19">
        <v>298</v>
      </c>
      <c r="E63" s="19">
        <v>313</v>
      </c>
      <c r="F63" s="19"/>
      <c r="G63" s="18" t="s">
        <v>124</v>
      </c>
      <c r="H63" s="17"/>
      <c r="I63" s="13">
        <v>36</v>
      </c>
      <c r="J63" s="19">
        <v>6</v>
      </c>
      <c r="K63" s="19">
        <v>30</v>
      </c>
    </row>
    <row r="64" spans="1:11" ht="15" customHeight="1">
      <c r="A64" s="17" t="s">
        <v>125</v>
      </c>
      <c r="B64" s="17"/>
      <c r="C64" s="13">
        <v>583</v>
      </c>
      <c r="D64" s="19">
        <v>316</v>
      </c>
      <c r="E64" s="19">
        <v>267</v>
      </c>
      <c r="F64" s="19"/>
      <c r="G64" s="18" t="s">
        <v>126</v>
      </c>
      <c r="H64" s="17"/>
      <c r="I64" s="13">
        <v>24</v>
      </c>
      <c r="J64" s="19">
        <v>1</v>
      </c>
      <c r="K64" s="19">
        <v>2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6</v>
      </c>
      <c r="J65" s="19">
        <v>9</v>
      </c>
      <c r="K65" s="19">
        <v>4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2</v>
      </c>
      <c r="J66" s="29">
        <v>14</v>
      </c>
      <c r="K66" s="29">
        <v>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624</v>
      </c>
      <c r="D4" s="14">
        <v>14919</v>
      </c>
      <c r="E4" s="14">
        <v>1670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34</v>
      </c>
      <c r="D5" s="14">
        <v>545</v>
      </c>
      <c r="E5" s="14">
        <v>489</v>
      </c>
      <c r="F5" s="14"/>
      <c r="G5" s="18" t="s">
        <v>8</v>
      </c>
      <c r="H5" s="17"/>
      <c r="I5" s="13">
        <v>2578</v>
      </c>
      <c r="J5" s="14">
        <v>1272</v>
      </c>
      <c r="K5" s="14">
        <v>1306</v>
      </c>
    </row>
    <row r="6" spans="1:11" ht="15" customHeight="1">
      <c r="A6" s="17" t="s">
        <v>9</v>
      </c>
      <c r="B6" s="17"/>
      <c r="C6" s="13">
        <v>164</v>
      </c>
      <c r="D6" s="19">
        <v>76</v>
      </c>
      <c r="E6" s="19">
        <v>88</v>
      </c>
      <c r="F6" s="19"/>
      <c r="G6" s="18" t="s">
        <v>10</v>
      </c>
      <c r="H6" s="17"/>
      <c r="I6" s="13">
        <v>563</v>
      </c>
      <c r="J6" s="19">
        <v>267</v>
      </c>
      <c r="K6" s="19">
        <v>296</v>
      </c>
    </row>
    <row r="7" spans="1:11" ht="15" customHeight="1">
      <c r="A7" s="17" t="s">
        <v>11</v>
      </c>
      <c r="B7" s="17"/>
      <c r="C7" s="13">
        <v>168</v>
      </c>
      <c r="D7" s="19">
        <v>85</v>
      </c>
      <c r="E7" s="19">
        <v>83</v>
      </c>
      <c r="F7" s="19"/>
      <c r="G7" s="18" t="s">
        <v>12</v>
      </c>
      <c r="H7" s="17"/>
      <c r="I7" s="13">
        <v>533</v>
      </c>
      <c r="J7" s="19">
        <v>266</v>
      </c>
      <c r="K7" s="19">
        <v>267</v>
      </c>
    </row>
    <row r="8" spans="1:11" ht="15" customHeight="1">
      <c r="A8" s="17" t="s">
        <v>13</v>
      </c>
      <c r="B8" s="17"/>
      <c r="C8" s="13">
        <v>200</v>
      </c>
      <c r="D8" s="19">
        <v>115</v>
      </c>
      <c r="E8" s="19">
        <v>85</v>
      </c>
      <c r="F8" s="19"/>
      <c r="G8" s="18" t="s">
        <v>14</v>
      </c>
      <c r="H8" s="17"/>
      <c r="I8" s="13">
        <v>525</v>
      </c>
      <c r="J8" s="19">
        <v>271</v>
      </c>
      <c r="K8" s="19">
        <v>254</v>
      </c>
    </row>
    <row r="9" spans="1:11" ht="15" customHeight="1">
      <c r="A9" s="17" t="s">
        <v>15</v>
      </c>
      <c r="B9" s="17"/>
      <c r="C9" s="13">
        <v>253</v>
      </c>
      <c r="D9" s="19">
        <v>136</v>
      </c>
      <c r="E9" s="19">
        <v>117</v>
      </c>
      <c r="F9" s="19"/>
      <c r="G9" s="18" t="s">
        <v>16</v>
      </c>
      <c r="H9" s="17"/>
      <c r="I9" s="13">
        <v>418</v>
      </c>
      <c r="J9" s="19">
        <v>207</v>
      </c>
      <c r="K9" s="19">
        <v>211</v>
      </c>
    </row>
    <row r="10" spans="1:11" ht="15" customHeight="1">
      <c r="A10" s="17" t="s">
        <v>17</v>
      </c>
      <c r="B10" s="17"/>
      <c r="C10" s="13">
        <v>249</v>
      </c>
      <c r="D10" s="19">
        <v>133</v>
      </c>
      <c r="E10" s="19">
        <v>116</v>
      </c>
      <c r="F10" s="19"/>
      <c r="G10" s="18" t="s">
        <v>18</v>
      </c>
      <c r="H10" s="17"/>
      <c r="I10" s="13">
        <v>539</v>
      </c>
      <c r="J10" s="19">
        <v>261</v>
      </c>
      <c r="K10" s="19">
        <v>278</v>
      </c>
    </row>
    <row r="11" spans="1:11" ht="20.100000000000001" customHeight="1">
      <c r="A11" s="17" t="s">
        <v>19</v>
      </c>
      <c r="B11" s="17"/>
      <c r="C11" s="13">
        <v>1421</v>
      </c>
      <c r="D11" s="14">
        <v>749</v>
      </c>
      <c r="E11" s="14">
        <v>672</v>
      </c>
      <c r="F11" s="14"/>
      <c r="G11" s="18" t="s">
        <v>20</v>
      </c>
      <c r="H11" s="17"/>
      <c r="I11" s="13">
        <v>2020</v>
      </c>
      <c r="J11" s="14">
        <v>1022</v>
      </c>
      <c r="K11" s="14">
        <v>998</v>
      </c>
    </row>
    <row r="12" spans="1:11" ht="15" customHeight="1">
      <c r="A12" s="17" t="s">
        <v>21</v>
      </c>
      <c r="B12" s="17"/>
      <c r="C12" s="13">
        <v>251</v>
      </c>
      <c r="D12" s="19">
        <v>145</v>
      </c>
      <c r="E12" s="19">
        <v>106</v>
      </c>
      <c r="F12" s="19"/>
      <c r="G12" s="18" t="s">
        <v>22</v>
      </c>
      <c r="H12" s="17"/>
      <c r="I12" s="13">
        <v>459</v>
      </c>
      <c r="J12" s="19">
        <v>248</v>
      </c>
      <c r="K12" s="19">
        <v>211</v>
      </c>
    </row>
    <row r="13" spans="1:11" ht="15" customHeight="1">
      <c r="A13" s="17" t="s">
        <v>23</v>
      </c>
      <c r="B13" s="17"/>
      <c r="C13" s="13">
        <v>294</v>
      </c>
      <c r="D13" s="19">
        <v>157</v>
      </c>
      <c r="E13" s="19">
        <v>137</v>
      </c>
      <c r="F13" s="19"/>
      <c r="G13" s="18" t="s">
        <v>24</v>
      </c>
      <c r="H13" s="17"/>
      <c r="I13" s="13">
        <v>408</v>
      </c>
      <c r="J13" s="19">
        <v>204</v>
      </c>
      <c r="K13" s="19">
        <v>204</v>
      </c>
    </row>
    <row r="14" spans="1:11" ht="15" customHeight="1">
      <c r="A14" s="17" t="s">
        <v>25</v>
      </c>
      <c r="B14" s="17"/>
      <c r="C14" s="13">
        <v>261</v>
      </c>
      <c r="D14" s="19">
        <v>134</v>
      </c>
      <c r="E14" s="19">
        <v>127</v>
      </c>
      <c r="F14" s="19"/>
      <c r="G14" s="18" t="s">
        <v>26</v>
      </c>
      <c r="H14" s="17"/>
      <c r="I14" s="13">
        <v>426</v>
      </c>
      <c r="J14" s="19">
        <v>220</v>
      </c>
      <c r="K14" s="19">
        <v>206</v>
      </c>
    </row>
    <row r="15" spans="1:11" ht="15" customHeight="1">
      <c r="A15" s="17" t="s">
        <v>27</v>
      </c>
      <c r="B15" s="17"/>
      <c r="C15" s="13">
        <v>299</v>
      </c>
      <c r="D15" s="19">
        <v>154</v>
      </c>
      <c r="E15" s="19">
        <v>145</v>
      </c>
      <c r="F15" s="19"/>
      <c r="G15" s="18" t="s">
        <v>28</v>
      </c>
      <c r="H15" s="17"/>
      <c r="I15" s="13">
        <v>366</v>
      </c>
      <c r="J15" s="19">
        <v>168</v>
      </c>
      <c r="K15" s="19">
        <v>198</v>
      </c>
    </row>
    <row r="16" spans="1:11" ht="15" customHeight="1">
      <c r="A16" s="17" t="s">
        <v>29</v>
      </c>
      <c r="B16" s="17"/>
      <c r="C16" s="13">
        <v>316</v>
      </c>
      <c r="D16" s="19">
        <v>159</v>
      </c>
      <c r="E16" s="19">
        <v>157</v>
      </c>
      <c r="F16" s="19"/>
      <c r="G16" s="18" t="s">
        <v>30</v>
      </c>
      <c r="H16" s="17"/>
      <c r="I16" s="13">
        <v>361</v>
      </c>
      <c r="J16" s="19">
        <v>182</v>
      </c>
      <c r="K16" s="19">
        <v>179</v>
      </c>
    </row>
    <row r="17" spans="1:11" ht="20.100000000000001" customHeight="1">
      <c r="A17" s="20" t="s">
        <v>31</v>
      </c>
      <c r="B17" s="20"/>
      <c r="C17" s="13">
        <v>1511</v>
      </c>
      <c r="D17" s="14">
        <v>769</v>
      </c>
      <c r="E17" s="14">
        <v>742</v>
      </c>
      <c r="F17" s="14"/>
      <c r="G17" s="18" t="s">
        <v>32</v>
      </c>
      <c r="H17" s="17"/>
      <c r="I17" s="13">
        <v>1690</v>
      </c>
      <c r="J17" s="14">
        <v>827</v>
      </c>
      <c r="K17" s="14">
        <v>863</v>
      </c>
    </row>
    <row r="18" spans="1:11" ht="15" customHeight="1">
      <c r="A18" s="17" t="s">
        <v>33</v>
      </c>
      <c r="B18" s="17"/>
      <c r="C18" s="13">
        <v>312</v>
      </c>
      <c r="D18" s="19">
        <v>163</v>
      </c>
      <c r="E18" s="19">
        <v>149</v>
      </c>
      <c r="F18" s="19"/>
      <c r="G18" s="18" t="s">
        <v>34</v>
      </c>
      <c r="H18" s="17"/>
      <c r="I18" s="13">
        <v>374</v>
      </c>
      <c r="J18" s="19">
        <v>185</v>
      </c>
      <c r="K18" s="19">
        <v>189</v>
      </c>
    </row>
    <row r="19" spans="1:11" ht="15" customHeight="1">
      <c r="A19" s="17" t="s">
        <v>35</v>
      </c>
      <c r="B19" s="17"/>
      <c r="C19" s="13">
        <v>305</v>
      </c>
      <c r="D19" s="19">
        <v>164</v>
      </c>
      <c r="E19" s="19">
        <v>141</v>
      </c>
      <c r="F19" s="19"/>
      <c r="G19" s="18" t="s">
        <v>36</v>
      </c>
      <c r="H19" s="17"/>
      <c r="I19" s="13">
        <v>338</v>
      </c>
      <c r="J19" s="19">
        <v>167</v>
      </c>
      <c r="K19" s="19">
        <v>171</v>
      </c>
    </row>
    <row r="20" spans="1:11" ht="15" customHeight="1">
      <c r="A20" s="17" t="s">
        <v>37</v>
      </c>
      <c r="B20" s="17"/>
      <c r="C20" s="13">
        <v>329</v>
      </c>
      <c r="D20" s="19">
        <v>154</v>
      </c>
      <c r="E20" s="19">
        <v>175</v>
      </c>
      <c r="F20" s="19"/>
      <c r="G20" s="18" t="s">
        <v>38</v>
      </c>
      <c r="H20" s="17"/>
      <c r="I20" s="13">
        <v>313</v>
      </c>
      <c r="J20" s="19">
        <v>165</v>
      </c>
      <c r="K20" s="19">
        <v>148</v>
      </c>
    </row>
    <row r="21" spans="1:11" ht="15" customHeight="1">
      <c r="A21" s="17" t="s">
        <v>39</v>
      </c>
      <c r="B21" s="17"/>
      <c r="C21" s="13">
        <v>276</v>
      </c>
      <c r="D21" s="19">
        <v>149</v>
      </c>
      <c r="E21" s="19">
        <v>127</v>
      </c>
      <c r="F21" s="19"/>
      <c r="G21" s="18" t="s">
        <v>40</v>
      </c>
      <c r="H21" s="17"/>
      <c r="I21" s="13">
        <v>320</v>
      </c>
      <c r="J21" s="19">
        <v>158</v>
      </c>
      <c r="K21" s="19">
        <v>162</v>
      </c>
    </row>
    <row r="22" spans="1:11" ht="15" customHeight="1">
      <c r="A22" s="17" t="s">
        <v>41</v>
      </c>
      <c r="B22" s="17"/>
      <c r="C22" s="13">
        <v>289</v>
      </c>
      <c r="D22" s="19">
        <v>139</v>
      </c>
      <c r="E22" s="19">
        <v>150</v>
      </c>
      <c r="F22" s="19"/>
      <c r="G22" s="18" t="s">
        <v>42</v>
      </c>
      <c r="H22" s="17"/>
      <c r="I22" s="13">
        <v>345</v>
      </c>
      <c r="J22" s="19">
        <v>152</v>
      </c>
      <c r="K22" s="19">
        <v>193</v>
      </c>
    </row>
    <row r="23" spans="1:11" ht="20.100000000000001" customHeight="1">
      <c r="A23" s="17" t="s">
        <v>43</v>
      </c>
      <c r="B23" s="17"/>
      <c r="C23" s="13">
        <v>1556</v>
      </c>
      <c r="D23" s="14">
        <v>785</v>
      </c>
      <c r="E23" s="14">
        <v>771</v>
      </c>
      <c r="F23" s="14"/>
      <c r="G23" s="18" t="s">
        <v>44</v>
      </c>
      <c r="H23" s="17"/>
      <c r="I23" s="13">
        <v>1937</v>
      </c>
      <c r="J23" s="14">
        <v>891</v>
      </c>
      <c r="K23" s="14">
        <v>1046</v>
      </c>
    </row>
    <row r="24" spans="1:11" ht="15" customHeight="1">
      <c r="A24" s="17" t="s">
        <v>45</v>
      </c>
      <c r="B24" s="17"/>
      <c r="C24" s="13">
        <v>312</v>
      </c>
      <c r="D24" s="19">
        <v>153</v>
      </c>
      <c r="E24" s="19">
        <v>159</v>
      </c>
      <c r="F24" s="19"/>
      <c r="G24" s="18" t="s">
        <v>46</v>
      </c>
      <c r="H24" s="17"/>
      <c r="I24" s="13">
        <v>368</v>
      </c>
      <c r="J24" s="19">
        <v>189</v>
      </c>
      <c r="K24" s="19">
        <v>179</v>
      </c>
    </row>
    <row r="25" spans="1:11" ht="15" customHeight="1">
      <c r="A25" s="17" t="s">
        <v>47</v>
      </c>
      <c r="B25" s="17"/>
      <c r="C25" s="13">
        <v>328</v>
      </c>
      <c r="D25" s="19">
        <v>168</v>
      </c>
      <c r="E25" s="19">
        <v>160</v>
      </c>
      <c r="F25" s="19"/>
      <c r="G25" s="18" t="s">
        <v>48</v>
      </c>
      <c r="H25" s="17"/>
      <c r="I25" s="13">
        <v>357</v>
      </c>
      <c r="J25" s="19">
        <v>164</v>
      </c>
      <c r="K25" s="19">
        <v>193</v>
      </c>
    </row>
    <row r="26" spans="1:11" ht="15" customHeight="1">
      <c r="A26" s="17" t="s">
        <v>49</v>
      </c>
      <c r="B26" s="17"/>
      <c r="C26" s="13">
        <v>320</v>
      </c>
      <c r="D26" s="19">
        <v>168</v>
      </c>
      <c r="E26" s="19">
        <v>152</v>
      </c>
      <c r="F26" s="19"/>
      <c r="G26" s="18" t="s">
        <v>50</v>
      </c>
      <c r="H26" s="17"/>
      <c r="I26" s="13">
        <v>391</v>
      </c>
      <c r="J26" s="19">
        <v>173</v>
      </c>
      <c r="K26" s="19">
        <v>218</v>
      </c>
    </row>
    <row r="27" spans="1:11" ht="15" customHeight="1">
      <c r="A27" s="17" t="s">
        <v>51</v>
      </c>
      <c r="B27" s="17"/>
      <c r="C27" s="13">
        <v>312</v>
      </c>
      <c r="D27" s="19">
        <v>161</v>
      </c>
      <c r="E27" s="19">
        <v>151</v>
      </c>
      <c r="F27" s="19"/>
      <c r="G27" s="18" t="s">
        <v>52</v>
      </c>
      <c r="H27" s="17"/>
      <c r="I27" s="13">
        <v>386</v>
      </c>
      <c r="J27" s="19">
        <v>185</v>
      </c>
      <c r="K27" s="19">
        <v>201</v>
      </c>
    </row>
    <row r="28" spans="1:11" ht="15" customHeight="1">
      <c r="A28" s="17" t="s">
        <v>53</v>
      </c>
      <c r="B28" s="17"/>
      <c r="C28" s="13">
        <v>284</v>
      </c>
      <c r="D28" s="19">
        <v>135</v>
      </c>
      <c r="E28" s="19">
        <v>149</v>
      </c>
      <c r="F28" s="19"/>
      <c r="G28" s="18" t="s">
        <v>54</v>
      </c>
      <c r="H28" s="17"/>
      <c r="I28" s="13">
        <v>435</v>
      </c>
      <c r="J28" s="19">
        <v>180</v>
      </c>
      <c r="K28" s="19">
        <v>255</v>
      </c>
    </row>
    <row r="29" spans="1:11" ht="20.100000000000001" customHeight="1">
      <c r="A29" s="17" t="s">
        <v>55</v>
      </c>
      <c r="B29" s="17"/>
      <c r="C29" s="13">
        <v>1155</v>
      </c>
      <c r="D29" s="14">
        <v>573</v>
      </c>
      <c r="E29" s="14">
        <v>582</v>
      </c>
      <c r="F29" s="14"/>
      <c r="G29" s="18" t="s">
        <v>56</v>
      </c>
      <c r="H29" s="17"/>
      <c r="I29" s="13">
        <v>2491</v>
      </c>
      <c r="J29" s="14">
        <v>1088</v>
      </c>
      <c r="K29" s="14">
        <v>1403</v>
      </c>
    </row>
    <row r="30" spans="1:11" ht="15" customHeight="1">
      <c r="A30" s="17" t="s">
        <v>57</v>
      </c>
      <c r="B30" s="17"/>
      <c r="C30" s="13">
        <v>271</v>
      </c>
      <c r="D30" s="19">
        <v>133</v>
      </c>
      <c r="E30" s="19">
        <v>138</v>
      </c>
      <c r="F30" s="19"/>
      <c r="G30" s="18" t="s">
        <v>58</v>
      </c>
      <c r="H30" s="17"/>
      <c r="I30" s="13">
        <v>523</v>
      </c>
      <c r="J30" s="19">
        <v>242</v>
      </c>
      <c r="K30" s="19">
        <v>281</v>
      </c>
    </row>
    <row r="31" spans="1:11" ht="15" customHeight="1">
      <c r="A31" s="17" t="s">
        <v>59</v>
      </c>
      <c r="B31" s="17"/>
      <c r="C31" s="13">
        <v>299</v>
      </c>
      <c r="D31" s="19">
        <v>146</v>
      </c>
      <c r="E31" s="19">
        <v>153</v>
      </c>
      <c r="F31" s="19"/>
      <c r="G31" s="18" t="s">
        <v>60</v>
      </c>
      <c r="H31" s="17"/>
      <c r="I31" s="13">
        <v>572</v>
      </c>
      <c r="J31" s="19">
        <v>257</v>
      </c>
      <c r="K31" s="19">
        <v>315</v>
      </c>
    </row>
    <row r="32" spans="1:11" ht="15" customHeight="1">
      <c r="A32" s="17" t="s">
        <v>61</v>
      </c>
      <c r="B32" s="17"/>
      <c r="C32" s="13">
        <v>186</v>
      </c>
      <c r="D32" s="19">
        <v>85</v>
      </c>
      <c r="E32" s="19">
        <v>101</v>
      </c>
      <c r="F32" s="19"/>
      <c r="G32" s="18" t="s">
        <v>62</v>
      </c>
      <c r="H32" s="17"/>
      <c r="I32" s="13">
        <v>600</v>
      </c>
      <c r="J32" s="19">
        <v>253</v>
      </c>
      <c r="K32" s="19">
        <v>347</v>
      </c>
    </row>
    <row r="33" spans="1:11" ht="15" customHeight="1">
      <c r="A33" s="17" t="s">
        <v>63</v>
      </c>
      <c r="B33" s="17"/>
      <c r="C33" s="13">
        <v>236</v>
      </c>
      <c r="D33" s="19">
        <v>129</v>
      </c>
      <c r="E33" s="19">
        <v>107</v>
      </c>
      <c r="F33" s="19"/>
      <c r="G33" s="18" t="s">
        <v>64</v>
      </c>
      <c r="H33" s="17"/>
      <c r="I33" s="13">
        <v>438</v>
      </c>
      <c r="J33" s="19">
        <v>170</v>
      </c>
      <c r="K33" s="19">
        <v>268</v>
      </c>
    </row>
    <row r="34" spans="1:11" ht="15" customHeight="1">
      <c r="A34" s="17" t="s">
        <v>65</v>
      </c>
      <c r="B34" s="17"/>
      <c r="C34" s="13">
        <v>163</v>
      </c>
      <c r="D34" s="19">
        <v>80</v>
      </c>
      <c r="E34" s="19">
        <v>83</v>
      </c>
      <c r="F34" s="19"/>
      <c r="G34" s="18" t="s">
        <v>66</v>
      </c>
      <c r="H34" s="17"/>
      <c r="I34" s="13">
        <v>358</v>
      </c>
      <c r="J34" s="19">
        <v>166</v>
      </c>
      <c r="K34" s="19">
        <v>192</v>
      </c>
    </row>
    <row r="35" spans="1:11" ht="20.100000000000001" customHeight="1">
      <c r="A35" s="17" t="s">
        <v>67</v>
      </c>
      <c r="B35" s="17"/>
      <c r="C35" s="13">
        <v>681</v>
      </c>
      <c r="D35" s="14">
        <v>326</v>
      </c>
      <c r="E35" s="14">
        <v>355</v>
      </c>
      <c r="F35" s="14"/>
      <c r="G35" s="18" t="s">
        <v>68</v>
      </c>
      <c r="H35" s="17"/>
      <c r="I35" s="13">
        <v>2255</v>
      </c>
      <c r="J35" s="14">
        <v>1010</v>
      </c>
      <c r="K35" s="14">
        <v>1245</v>
      </c>
    </row>
    <row r="36" spans="1:11" ht="15" customHeight="1">
      <c r="A36" s="17" t="s">
        <v>69</v>
      </c>
      <c r="B36" s="17"/>
      <c r="C36" s="13">
        <v>153</v>
      </c>
      <c r="D36" s="19">
        <v>75</v>
      </c>
      <c r="E36" s="19">
        <v>78</v>
      </c>
      <c r="F36" s="19"/>
      <c r="G36" s="18" t="s">
        <v>70</v>
      </c>
      <c r="H36" s="17"/>
      <c r="I36" s="13">
        <v>447</v>
      </c>
      <c r="J36" s="19">
        <v>199</v>
      </c>
      <c r="K36" s="19">
        <v>248</v>
      </c>
    </row>
    <row r="37" spans="1:11" ht="15" customHeight="1">
      <c r="A37" s="17" t="s">
        <v>71</v>
      </c>
      <c r="B37" s="17"/>
      <c r="C37" s="13">
        <v>138</v>
      </c>
      <c r="D37" s="19">
        <v>58</v>
      </c>
      <c r="E37" s="19">
        <v>80</v>
      </c>
      <c r="F37" s="19"/>
      <c r="G37" s="18" t="s">
        <v>72</v>
      </c>
      <c r="H37" s="17"/>
      <c r="I37" s="13">
        <v>503</v>
      </c>
      <c r="J37" s="19">
        <v>235</v>
      </c>
      <c r="K37" s="19">
        <v>268</v>
      </c>
    </row>
    <row r="38" spans="1:11" ht="15" customHeight="1">
      <c r="A38" s="17" t="s">
        <v>73</v>
      </c>
      <c r="B38" s="17"/>
      <c r="C38" s="13">
        <v>119</v>
      </c>
      <c r="D38" s="19">
        <v>62</v>
      </c>
      <c r="E38" s="19">
        <v>57</v>
      </c>
      <c r="F38" s="19"/>
      <c r="G38" s="18" t="s">
        <v>74</v>
      </c>
      <c r="H38" s="17"/>
      <c r="I38" s="13">
        <v>441</v>
      </c>
      <c r="J38" s="19">
        <v>206</v>
      </c>
      <c r="K38" s="19">
        <v>235</v>
      </c>
    </row>
    <row r="39" spans="1:11" ht="15" customHeight="1">
      <c r="A39" s="17" t="s">
        <v>75</v>
      </c>
      <c r="B39" s="17"/>
      <c r="C39" s="13">
        <v>133</v>
      </c>
      <c r="D39" s="19">
        <v>67</v>
      </c>
      <c r="E39" s="19">
        <v>66</v>
      </c>
      <c r="F39" s="19"/>
      <c r="G39" s="18" t="s">
        <v>76</v>
      </c>
      <c r="H39" s="17"/>
      <c r="I39" s="13">
        <v>469</v>
      </c>
      <c r="J39" s="19">
        <v>201</v>
      </c>
      <c r="K39" s="19">
        <v>268</v>
      </c>
    </row>
    <row r="40" spans="1:11" ht="15" customHeight="1">
      <c r="A40" s="17" t="s">
        <v>77</v>
      </c>
      <c r="B40" s="17"/>
      <c r="C40" s="13">
        <v>138</v>
      </c>
      <c r="D40" s="19">
        <v>64</v>
      </c>
      <c r="E40" s="19">
        <v>74</v>
      </c>
      <c r="F40" s="19"/>
      <c r="G40" s="18" t="s">
        <v>78</v>
      </c>
      <c r="H40" s="17"/>
      <c r="I40" s="13">
        <v>395</v>
      </c>
      <c r="J40" s="19">
        <v>169</v>
      </c>
      <c r="K40" s="19">
        <v>226</v>
      </c>
    </row>
    <row r="41" spans="1:11" ht="20.100000000000001" customHeight="1">
      <c r="A41" s="17" t="s">
        <v>79</v>
      </c>
      <c r="B41" s="17"/>
      <c r="C41" s="13">
        <v>820</v>
      </c>
      <c r="D41" s="14">
        <v>369</v>
      </c>
      <c r="E41" s="14">
        <v>451</v>
      </c>
      <c r="F41" s="14"/>
      <c r="G41" s="18" t="s">
        <v>80</v>
      </c>
      <c r="H41" s="17"/>
      <c r="I41" s="13">
        <v>1579</v>
      </c>
      <c r="J41" s="14">
        <v>696</v>
      </c>
      <c r="K41" s="14">
        <v>883</v>
      </c>
    </row>
    <row r="42" spans="1:11" ht="15" customHeight="1">
      <c r="A42" s="17" t="s">
        <v>81</v>
      </c>
      <c r="B42" s="17"/>
      <c r="C42" s="13">
        <v>140</v>
      </c>
      <c r="D42" s="19">
        <v>68</v>
      </c>
      <c r="E42" s="19">
        <v>72</v>
      </c>
      <c r="F42" s="19"/>
      <c r="G42" s="18" t="s">
        <v>82</v>
      </c>
      <c r="H42" s="17"/>
      <c r="I42" s="13">
        <v>310</v>
      </c>
      <c r="J42" s="19">
        <v>140</v>
      </c>
      <c r="K42" s="19">
        <v>170</v>
      </c>
    </row>
    <row r="43" spans="1:11" ht="15" customHeight="1">
      <c r="A43" s="17" t="s">
        <v>83</v>
      </c>
      <c r="B43" s="17"/>
      <c r="C43" s="13">
        <v>129</v>
      </c>
      <c r="D43" s="19">
        <v>56</v>
      </c>
      <c r="E43" s="19">
        <v>73</v>
      </c>
      <c r="F43" s="19"/>
      <c r="G43" s="18" t="s">
        <v>84</v>
      </c>
      <c r="H43" s="17"/>
      <c r="I43" s="13">
        <v>343</v>
      </c>
      <c r="J43" s="19">
        <v>143</v>
      </c>
      <c r="K43" s="19">
        <v>200</v>
      </c>
    </row>
    <row r="44" spans="1:11" ht="15" customHeight="1">
      <c r="A44" s="17" t="s">
        <v>85</v>
      </c>
      <c r="B44" s="17"/>
      <c r="C44" s="13">
        <v>137</v>
      </c>
      <c r="D44" s="19">
        <v>61</v>
      </c>
      <c r="E44" s="19">
        <v>76</v>
      </c>
      <c r="F44" s="19"/>
      <c r="G44" s="18" t="s">
        <v>86</v>
      </c>
      <c r="H44" s="17"/>
      <c r="I44" s="13">
        <v>311</v>
      </c>
      <c r="J44" s="19">
        <v>144</v>
      </c>
      <c r="K44" s="19">
        <v>167</v>
      </c>
    </row>
    <row r="45" spans="1:11" ht="15" customHeight="1">
      <c r="A45" s="17" t="s">
        <v>87</v>
      </c>
      <c r="B45" s="17"/>
      <c r="C45" s="13">
        <v>203</v>
      </c>
      <c r="D45" s="19">
        <v>97</v>
      </c>
      <c r="E45" s="19">
        <v>106</v>
      </c>
      <c r="F45" s="19"/>
      <c r="G45" s="18" t="s">
        <v>88</v>
      </c>
      <c r="H45" s="17"/>
      <c r="I45" s="13">
        <v>335</v>
      </c>
      <c r="J45" s="19">
        <v>140</v>
      </c>
      <c r="K45" s="19">
        <v>195</v>
      </c>
    </row>
    <row r="46" spans="1:11" ht="15" customHeight="1">
      <c r="A46" s="17" t="s">
        <v>89</v>
      </c>
      <c r="B46" s="17"/>
      <c r="C46" s="13">
        <v>211</v>
      </c>
      <c r="D46" s="19">
        <v>87</v>
      </c>
      <c r="E46" s="19">
        <v>124</v>
      </c>
      <c r="F46" s="19"/>
      <c r="G46" s="18" t="s">
        <v>90</v>
      </c>
      <c r="H46" s="17"/>
      <c r="I46" s="13">
        <v>280</v>
      </c>
      <c r="J46" s="19">
        <v>129</v>
      </c>
      <c r="K46" s="19">
        <v>151</v>
      </c>
    </row>
    <row r="47" spans="1:11" ht="20.100000000000001" customHeight="1">
      <c r="A47" s="17" t="s">
        <v>91</v>
      </c>
      <c r="B47" s="17"/>
      <c r="C47" s="13">
        <v>1466</v>
      </c>
      <c r="D47" s="14">
        <v>684</v>
      </c>
      <c r="E47" s="14">
        <v>782</v>
      </c>
      <c r="F47" s="14"/>
      <c r="G47" s="18" t="s">
        <v>92</v>
      </c>
      <c r="H47" s="17"/>
      <c r="I47" s="13">
        <v>1009</v>
      </c>
      <c r="J47" s="14">
        <v>416</v>
      </c>
      <c r="K47" s="14">
        <v>593</v>
      </c>
    </row>
    <row r="48" spans="1:11" ht="15" customHeight="1">
      <c r="A48" s="17" t="s">
        <v>93</v>
      </c>
      <c r="B48" s="17"/>
      <c r="C48" s="13">
        <v>230</v>
      </c>
      <c r="D48" s="19">
        <v>107</v>
      </c>
      <c r="E48" s="19">
        <v>123</v>
      </c>
      <c r="F48" s="19"/>
      <c r="G48" s="18" t="s">
        <v>94</v>
      </c>
      <c r="H48" s="17"/>
      <c r="I48" s="13">
        <v>267</v>
      </c>
      <c r="J48" s="19">
        <v>121</v>
      </c>
      <c r="K48" s="19">
        <v>146</v>
      </c>
    </row>
    <row r="49" spans="1:11" ht="15" customHeight="1">
      <c r="A49" s="17" t="s">
        <v>95</v>
      </c>
      <c r="B49" s="17"/>
      <c r="C49" s="13">
        <v>271</v>
      </c>
      <c r="D49" s="19">
        <v>123</v>
      </c>
      <c r="E49" s="19">
        <v>148</v>
      </c>
      <c r="F49" s="19"/>
      <c r="G49" s="18" t="s">
        <v>96</v>
      </c>
      <c r="H49" s="17"/>
      <c r="I49" s="13">
        <v>213</v>
      </c>
      <c r="J49" s="19">
        <v>86</v>
      </c>
      <c r="K49" s="19">
        <v>127</v>
      </c>
    </row>
    <row r="50" spans="1:11" ht="15" customHeight="1">
      <c r="A50" s="17" t="s">
        <v>97</v>
      </c>
      <c r="B50" s="17"/>
      <c r="C50" s="13">
        <v>320</v>
      </c>
      <c r="D50" s="19">
        <v>146</v>
      </c>
      <c r="E50" s="19">
        <v>174</v>
      </c>
      <c r="F50" s="19"/>
      <c r="G50" s="18" t="s">
        <v>98</v>
      </c>
      <c r="H50" s="17"/>
      <c r="I50" s="13">
        <v>183</v>
      </c>
      <c r="J50" s="19">
        <v>73</v>
      </c>
      <c r="K50" s="19">
        <v>110</v>
      </c>
    </row>
    <row r="51" spans="1:11" ht="15" customHeight="1">
      <c r="A51" s="17" t="s">
        <v>99</v>
      </c>
      <c r="B51" s="17"/>
      <c r="C51" s="13">
        <v>312</v>
      </c>
      <c r="D51" s="19">
        <v>149</v>
      </c>
      <c r="E51" s="19">
        <v>163</v>
      </c>
      <c r="F51" s="19"/>
      <c r="G51" s="18" t="s">
        <v>100</v>
      </c>
      <c r="H51" s="17"/>
      <c r="I51" s="13">
        <v>184</v>
      </c>
      <c r="J51" s="19">
        <v>64</v>
      </c>
      <c r="K51" s="19">
        <v>120</v>
      </c>
    </row>
    <row r="52" spans="1:11" ht="15" customHeight="1">
      <c r="A52" s="17" t="s">
        <v>101</v>
      </c>
      <c r="B52" s="17"/>
      <c r="C52" s="13">
        <v>333</v>
      </c>
      <c r="D52" s="19">
        <v>159</v>
      </c>
      <c r="E52" s="19">
        <v>174</v>
      </c>
      <c r="F52" s="19"/>
      <c r="G52" s="18" t="s">
        <v>102</v>
      </c>
      <c r="H52" s="17"/>
      <c r="I52" s="13">
        <v>162</v>
      </c>
      <c r="J52" s="19">
        <v>72</v>
      </c>
      <c r="K52" s="19">
        <v>90</v>
      </c>
    </row>
    <row r="53" spans="1:11" ht="20.100000000000001" customHeight="1">
      <c r="A53" s="17" t="s">
        <v>103</v>
      </c>
      <c r="B53" s="17"/>
      <c r="C53" s="13">
        <v>2190</v>
      </c>
      <c r="D53" s="14">
        <v>1031</v>
      </c>
      <c r="E53" s="14">
        <v>1159</v>
      </c>
      <c r="F53" s="14"/>
      <c r="G53" s="18" t="s">
        <v>104</v>
      </c>
      <c r="H53" s="17"/>
      <c r="I53" s="13">
        <v>535</v>
      </c>
      <c r="J53" s="14">
        <v>151</v>
      </c>
      <c r="K53" s="14">
        <v>384</v>
      </c>
    </row>
    <row r="54" spans="1:11" ht="15" customHeight="1">
      <c r="A54" s="17" t="s">
        <v>105</v>
      </c>
      <c r="B54" s="17"/>
      <c r="C54" s="13">
        <v>402</v>
      </c>
      <c r="D54" s="19">
        <v>199</v>
      </c>
      <c r="E54" s="19">
        <v>203</v>
      </c>
      <c r="F54" s="19"/>
      <c r="G54" s="18" t="s">
        <v>106</v>
      </c>
      <c r="H54" s="17"/>
      <c r="I54" s="13">
        <v>121</v>
      </c>
      <c r="J54" s="19">
        <v>44</v>
      </c>
      <c r="K54" s="19">
        <v>77</v>
      </c>
    </row>
    <row r="55" spans="1:11" ht="15" customHeight="1">
      <c r="A55" s="17" t="s">
        <v>107</v>
      </c>
      <c r="B55" s="17"/>
      <c r="C55" s="13">
        <v>387</v>
      </c>
      <c r="D55" s="19">
        <v>166</v>
      </c>
      <c r="E55" s="19">
        <v>221</v>
      </c>
      <c r="F55" s="19"/>
      <c r="G55" s="18" t="s">
        <v>108</v>
      </c>
      <c r="H55" s="17"/>
      <c r="I55" s="13">
        <v>114</v>
      </c>
      <c r="J55" s="19">
        <v>34</v>
      </c>
      <c r="K55" s="19">
        <v>80</v>
      </c>
    </row>
    <row r="56" spans="1:11" ht="15" customHeight="1">
      <c r="A56" s="17" t="s">
        <v>109</v>
      </c>
      <c r="B56" s="17"/>
      <c r="C56" s="13">
        <v>420</v>
      </c>
      <c r="D56" s="19">
        <v>187</v>
      </c>
      <c r="E56" s="19">
        <v>233</v>
      </c>
      <c r="F56" s="19"/>
      <c r="G56" s="18" t="s">
        <v>110</v>
      </c>
      <c r="H56" s="17"/>
      <c r="I56" s="13">
        <v>111</v>
      </c>
      <c r="J56" s="19">
        <v>28</v>
      </c>
      <c r="K56" s="19">
        <v>83</v>
      </c>
    </row>
    <row r="57" spans="1:11" ht="15" customHeight="1">
      <c r="A57" s="17" t="s">
        <v>111</v>
      </c>
      <c r="B57" s="17"/>
      <c r="C57" s="13">
        <v>466</v>
      </c>
      <c r="D57" s="19">
        <v>221</v>
      </c>
      <c r="E57" s="19">
        <v>245</v>
      </c>
      <c r="F57" s="19"/>
      <c r="G57" s="18" t="s">
        <v>112</v>
      </c>
      <c r="H57" s="17"/>
      <c r="I57" s="13">
        <v>100</v>
      </c>
      <c r="J57" s="19">
        <v>30</v>
      </c>
      <c r="K57" s="19">
        <v>70</v>
      </c>
    </row>
    <row r="58" spans="1:11" ht="15" customHeight="1">
      <c r="A58" s="17" t="s">
        <v>113</v>
      </c>
      <c r="B58" s="17"/>
      <c r="C58" s="13">
        <v>515</v>
      </c>
      <c r="D58" s="19">
        <v>258</v>
      </c>
      <c r="E58" s="19">
        <v>257</v>
      </c>
      <c r="F58" s="19"/>
      <c r="G58" s="18" t="s">
        <v>114</v>
      </c>
      <c r="H58" s="17"/>
      <c r="I58" s="13">
        <v>89</v>
      </c>
      <c r="J58" s="19">
        <v>15</v>
      </c>
      <c r="K58" s="19">
        <v>74</v>
      </c>
    </row>
    <row r="59" spans="1:11" ht="20.100000000000001" customHeight="1">
      <c r="A59" s="17" t="s">
        <v>115</v>
      </c>
      <c r="B59" s="17"/>
      <c r="C59" s="13">
        <v>2826</v>
      </c>
      <c r="D59" s="14">
        <v>1310</v>
      </c>
      <c r="E59" s="14">
        <v>1516</v>
      </c>
      <c r="F59" s="14"/>
      <c r="G59" s="18" t="s">
        <v>116</v>
      </c>
      <c r="H59" s="17"/>
      <c r="I59" s="13">
        <v>162</v>
      </c>
      <c r="J59" s="14">
        <v>30</v>
      </c>
      <c r="K59" s="14">
        <v>132</v>
      </c>
    </row>
    <row r="60" spans="1:11" ht="15" customHeight="1">
      <c r="A60" s="17" t="s">
        <v>117</v>
      </c>
      <c r="B60" s="17"/>
      <c r="C60" s="13">
        <v>533</v>
      </c>
      <c r="D60" s="19">
        <v>251</v>
      </c>
      <c r="E60" s="19">
        <v>282</v>
      </c>
      <c r="F60" s="19"/>
      <c r="G60" s="18" t="s">
        <v>118</v>
      </c>
      <c r="H60" s="17"/>
      <c r="I60" s="13">
        <v>61</v>
      </c>
      <c r="J60" s="19">
        <v>12</v>
      </c>
      <c r="K60" s="19">
        <v>49</v>
      </c>
    </row>
    <row r="61" spans="1:11" ht="15" customHeight="1">
      <c r="A61" s="17" t="s">
        <v>119</v>
      </c>
      <c r="B61" s="17"/>
      <c r="C61" s="13">
        <v>602</v>
      </c>
      <c r="D61" s="19">
        <v>277</v>
      </c>
      <c r="E61" s="19">
        <v>325</v>
      </c>
      <c r="F61" s="19"/>
      <c r="G61" s="18" t="s">
        <v>120</v>
      </c>
      <c r="H61" s="17"/>
      <c r="I61" s="13">
        <v>39</v>
      </c>
      <c r="J61" s="19">
        <v>8</v>
      </c>
      <c r="K61" s="19">
        <v>31</v>
      </c>
    </row>
    <row r="62" spans="1:11" ht="15" customHeight="1">
      <c r="A62" s="17" t="s">
        <v>121</v>
      </c>
      <c r="B62" s="17"/>
      <c r="C62" s="13">
        <v>572</v>
      </c>
      <c r="D62" s="19">
        <v>263</v>
      </c>
      <c r="E62" s="19">
        <v>309</v>
      </c>
      <c r="F62" s="19"/>
      <c r="G62" s="18" t="s">
        <v>122</v>
      </c>
      <c r="H62" s="17"/>
      <c r="I62" s="13">
        <v>30</v>
      </c>
      <c r="J62" s="19">
        <v>3</v>
      </c>
      <c r="K62" s="19">
        <v>27</v>
      </c>
    </row>
    <row r="63" spans="1:11" ht="15" customHeight="1">
      <c r="A63" s="17" t="s">
        <v>123</v>
      </c>
      <c r="B63" s="17"/>
      <c r="C63" s="13">
        <v>566</v>
      </c>
      <c r="D63" s="19">
        <v>264</v>
      </c>
      <c r="E63" s="19">
        <v>302</v>
      </c>
      <c r="F63" s="19"/>
      <c r="G63" s="18" t="s">
        <v>124</v>
      </c>
      <c r="H63" s="17"/>
      <c r="I63" s="13">
        <v>20</v>
      </c>
      <c r="J63" s="19">
        <v>7</v>
      </c>
      <c r="K63" s="19">
        <v>13</v>
      </c>
    </row>
    <row r="64" spans="1:11" ht="15" customHeight="1">
      <c r="A64" s="17" t="s">
        <v>125</v>
      </c>
      <c r="B64" s="17"/>
      <c r="C64" s="13">
        <v>553</v>
      </c>
      <c r="D64" s="19">
        <v>255</v>
      </c>
      <c r="E64" s="19">
        <v>298</v>
      </c>
      <c r="F64" s="19"/>
      <c r="G64" s="18" t="s">
        <v>126</v>
      </c>
      <c r="H64" s="17"/>
      <c r="I64" s="13">
        <v>12</v>
      </c>
      <c r="J64" s="19">
        <v>0</v>
      </c>
      <c r="K64" s="19">
        <v>1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2</v>
      </c>
      <c r="J65" s="19">
        <v>4</v>
      </c>
      <c r="K65" s="19">
        <v>2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76</v>
      </c>
      <c r="J66" s="29">
        <v>371</v>
      </c>
      <c r="K66" s="29">
        <v>305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76940</v>
      </c>
      <c r="D4" s="14">
        <v>794245</v>
      </c>
      <c r="E4" s="14">
        <v>78269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7970</v>
      </c>
      <c r="D5" s="14">
        <v>29700</v>
      </c>
      <c r="E5" s="14">
        <v>28270</v>
      </c>
      <c r="F5" s="14"/>
      <c r="G5" s="18" t="s">
        <v>8</v>
      </c>
      <c r="H5" s="17"/>
      <c r="I5" s="13">
        <v>118342</v>
      </c>
      <c r="J5" s="14">
        <v>62172</v>
      </c>
      <c r="K5" s="14">
        <v>56170</v>
      </c>
    </row>
    <row r="6" spans="1:11" ht="15" customHeight="1">
      <c r="A6" s="17" t="s">
        <v>9</v>
      </c>
      <c r="B6" s="17"/>
      <c r="C6" s="13">
        <v>10823</v>
      </c>
      <c r="D6" s="19">
        <v>5512</v>
      </c>
      <c r="E6" s="19">
        <v>5311</v>
      </c>
      <c r="F6" s="19"/>
      <c r="G6" s="18" t="s">
        <v>10</v>
      </c>
      <c r="H6" s="17"/>
      <c r="I6" s="13">
        <v>25448</v>
      </c>
      <c r="J6" s="19">
        <v>13361</v>
      </c>
      <c r="K6" s="19">
        <v>12087</v>
      </c>
    </row>
    <row r="7" spans="1:11" ht="15" customHeight="1">
      <c r="A7" s="17" t="s">
        <v>11</v>
      </c>
      <c r="B7" s="17"/>
      <c r="C7" s="13">
        <v>11482</v>
      </c>
      <c r="D7" s="19">
        <v>5922</v>
      </c>
      <c r="E7" s="19">
        <v>5560</v>
      </c>
      <c r="F7" s="19"/>
      <c r="G7" s="18" t="s">
        <v>12</v>
      </c>
      <c r="H7" s="17"/>
      <c r="I7" s="13">
        <v>24804</v>
      </c>
      <c r="J7" s="19">
        <v>13138</v>
      </c>
      <c r="K7" s="19">
        <v>11666</v>
      </c>
    </row>
    <row r="8" spans="1:11" ht="15" customHeight="1">
      <c r="A8" s="17" t="s">
        <v>13</v>
      </c>
      <c r="B8" s="17"/>
      <c r="C8" s="13">
        <v>11713</v>
      </c>
      <c r="D8" s="19">
        <v>5974</v>
      </c>
      <c r="E8" s="19">
        <v>5739</v>
      </c>
      <c r="F8" s="19"/>
      <c r="G8" s="18" t="s">
        <v>14</v>
      </c>
      <c r="H8" s="17"/>
      <c r="I8" s="13">
        <v>25889</v>
      </c>
      <c r="J8" s="19">
        <v>13553</v>
      </c>
      <c r="K8" s="19">
        <v>12336</v>
      </c>
    </row>
    <row r="9" spans="1:11" ht="15" customHeight="1">
      <c r="A9" s="17" t="s">
        <v>15</v>
      </c>
      <c r="B9" s="17"/>
      <c r="C9" s="13">
        <v>12081</v>
      </c>
      <c r="D9" s="19">
        <v>6139</v>
      </c>
      <c r="E9" s="19">
        <v>5942</v>
      </c>
      <c r="F9" s="19"/>
      <c r="G9" s="18" t="s">
        <v>16</v>
      </c>
      <c r="H9" s="17"/>
      <c r="I9" s="13">
        <v>18614</v>
      </c>
      <c r="J9" s="19">
        <v>9750</v>
      </c>
      <c r="K9" s="19">
        <v>8864</v>
      </c>
    </row>
    <row r="10" spans="1:11" ht="15" customHeight="1">
      <c r="A10" s="17" t="s">
        <v>17</v>
      </c>
      <c r="B10" s="17"/>
      <c r="C10" s="13">
        <v>11871</v>
      </c>
      <c r="D10" s="19">
        <v>6153</v>
      </c>
      <c r="E10" s="19">
        <v>5718</v>
      </c>
      <c r="F10" s="19"/>
      <c r="G10" s="18" t="s">
        <v>18</v>
      </c>
      <c r="H10" s="17"/>
      <c r="I10" s="13">
        <v>23587</v>
      </c>
      <c r="J10" s="19">
        <v>12370</v>
      </c>
      <c r="K10" s="19">
        <v>11217</v>
      </c>
    </row>
    <row r="11" spans="1:11" ht="20.100000000000001" customHeight="1">
      <c r="A11" s="17" t="s">
        <v>19</v>
      </c>
      <c r="B11" s="17"/>
      <c r="C11" s="13">
        <v>63141</v>
      </c>
      <c r="D11" s="14">
        <v>32129</v>
      </c>
      <c r="E11" s="14">
        <v>31012</v>
      </c>
      <c r="F11" s="14"/>
      <c r="G11" s="18" t="s">
        <v>20</v>
      </c>
      <c r="H11" s="17"/>
      <c r="I11" s="13">
        <v>95130</v>
      </c>
      <c r="J11" s="14">
        <v>49495</v>
      </c>
      <c r="K11" s="14">
        <v>45635</v>
      </c>
    </row>
    <row r="12" spans="1:11" ht="15" customHeight="1">
      <c r="A12" s="17" t="s">
        <v>21</v>
      </c>
      <c r="B12" s="17"/>
      <c r="C12" s="13">
        <v>12141</v>
      </c>
      <c r="D12" s="19">
        <v>6083</v>
      </c>
      <c r="E12" s="19">
        <v>6058</v>
      </c>
      <c r="F12" s="19"/>
      <c r="G12" s="18" t="s">
        <v>22</v>
      </c>
      <c r="H12" s="17"/>
      <c r="I12" s="13">
        <v>21100</v>
      </c>
      <c r="J12" s="19">
        <v>11106</v>
      </c>
      <c r="K12" s="19">
        <v>9994</v>
      </c>
    </row>
    <row r="13" spans="1:11" ht="15" customHeight="1">
      <c r="A13" s="17" t="s">
        <v>23</v>
      </c>
      <c r="B13" s="17"/>
      <c r="C13" s="13">
        <v>12338</v>
      </c>
      <c r="D13" s="19">
        <v>6347</v>
      </c>
      <c r="E13" s="19">
        <v>5991</v>
      </c>
      <c r="F13" s="19"/>
      <c r="G13" s="18" t="s">
        <v>24</v>
      </c>
      <c r="H13" s="17"/>
      <c r="I13" s="13">
        <v>19819</v>
      </c>
      <c r="J13" s="19">
        <v>10383</v>
      </c>
      <c r="K13" s="19">
        <v>9436</v>
      </c>
    </row>
    <row r="14" spans="1:11" ht="15" customHeight="1">
      <c r="A14" s="17" t="s">
        <v>25</v>
      </c>
      <c r="B14" s="17"/>
      <c r="C14" s="13">
        <v>12631</v>
      </c>
      <c r="D14" s="19">
        <v>6423</v>
      </c>
      <c r="E14" s="19">
        <v>6208</v>
      </c>
      <c r="F14" s="19"/>
      <c r="G14" s="18" t="s">
        <v>26</v>
      </c>
      <c r="H14" s="17"/>
      <c r="I14" s="13">
        <v>18701</v>
      </c>
      <c r="J14" s="19">
        <v>9654</v>
      </c>
      <c r="K14" s="19">
        <v>9047</v>
      </c>
    </row>
    <row r="15" spans="1:11" ht="15" customHeight="1">
      <c r="A15" s="17" t="s">
        <v>27</v>
      </c>
      <c r="B15" s="17"/>
      <c r="C15" s="13">
        <v>12896</v>
      </c>
      <c r="D15" s="19">
        <v>6602</v>
      </c>
      <c r="E15" s="19">
        <v>6294</v>
      </c>
      <c r="F15" s="19"/>
      <c r="G15" s="18" t="s">
        <v>28</v>
      </c>
      <c r="H15" s="17"/>
      <c r="I15" s="13">
        <v>17873</v>
      </c>
      <c r="J15" s="19">
        <v>9372</v>
      </c>
      <c r="K15" s="19">
        <v>8501</v>
      </c>
    </row>
    <row r="16" spans="1:11" ht="15" customHeight="1">
      <c r="A16" s="17" t="s">
        <v>29</v>
      </c>
      <c r="B16" s="17"/>
      <c r="C16" s="13">
        <v>13135</v>
      </c>
      <c r="D16" s="19">
        <v>6674</v>
      </c>
      <c r="E16" s="19">
        <v>6461</v>
      </c>
      <c r="F16" s="19"/>
      <c r="G16" s="18" t="s">
        <v>30</v>
      </c>
      <c r="H16" s="17"/>
      <c r="I16" s="13">
        <v>17637</v>
      </c>
      <c r="J16" s="19">
        <v>8980</v>
      </c>
      <c r="K16" s="19">
        <v>8657</v>
      </c>
    </row>
    <row r="17" spans="1:11" ht="20.100000000000001" customHeight="1">
      <c r="A17" s="20" t="s">
        <v>31</v>
      </c>
      <c r="B17" s="20"/>
      <c r="C17" s="13">
        <v>66761</v>
      </c>
      <c r="D17" s="14">
        <v>34226</v>
      </c>
      <c r="E17" s="14">
        <v>32535</v>
      </c>
      <c r="F17" s="14"/>
      <c r="G17" s="18" t="s">
        <v>32</v>
      </c>
      <c r="H17" s="17"/>
      <c r="I17" s="13">
        <v>82959</v>
      </c>
      <c r="J17" s="14">
        <v>42240</v>
      </c>
      <c r="K17" s="14">
        <v>40719</v>
      </c>
    </row>
    <row r="18" spans="1:11" ht="15" customHeight="1">
      <c r="A18" s="17" t="s">
        <v>33</v>
      </c>
      <c r="B18" s="17"/>
      <c r="C18" s="13">
        <v>13185</v>
      </c>
      <c r="D18" s="19">
        <v>6781</v>
      </c>
      <c r="E18" s="19">
        <v>6404</v>
      </c>
      <c r="F18" s="19"/>
      <c r="G18" s="18" t="s">
        <v>34</v>
      </c>
      <c r="H18" s="17"/>
      <c r="I18" s="13">
        <v>17090</v>
      </c>
      <c r="J18" s="19">
        <v>8853</v>
      </c>
      <c r="K18" s="19">
        <v>8237</v>
      </c>
    </row>
    <row r="19" spans="1:11" ht="15" customHeight="1">
      <c r="A19" s="17" t="s">
        <v>35</v>
      </c>
      <c r="B19" s="17"/>
      <c r="C19" s="13">
        <v>13576</v>
      </c>
      <c r="D19" s="19">
        <v>6942</v>
      </c>
      <c r="E19" s="19">
        <v>6634</v>
      </c>
      <c r="F19" s="19"/>
      <c r="G19" s="18" t="s">
        <v>36</v>
      </c>
      <c r="H19" s="17"/>
      <c r="I19" s="13">
        <v>16881</v>
      </c>
      <c r="J19" s="19">
        <v>8624</v>
      </c>
      <c r="K19" s="19">
        <v>8257</v>
      </c>
    </row>
    <row r="20" spans="1:11" ht="15" customHeight="1">
      <c r="A20" s="17" t="s">
        <v>37</v>
      </c>
      <c r="B20" s="17"/>
      <c r="C20" s="13">
        <v>13387</v>
      </c>
      <c r="D20" s="19">
        <v>6948</v>
      </c>
      <c r="E20" s="19">
        <v>6439</v>
      </c>
      <c r="F20" s="19"/>
      <c r="G20" s="18" t="s">
        <v>38</v>
      </c>
      <c r="H20" s="17"/>
      <c r="I20" s="13">
        <v>15691</v>
      </c>
      <c r="J20" s="19">
        <v>7967</v>
      </c>
      <c r="K20" s="19">
        <v>7724</v>
      </c>
    </row>
    <row r="21" spans="1:11" ht="15" customHeight="1">
      <c r="A21" s="17" t="s">
        <v>39</v>
      </c>
      <c r="B21" s="17"/>
      <c r="C21" s="13">
        <v>13424</v>
      </c>
      <c r="D21" s="19">
        <v>6844</v>
      </c>
      <c r="E21" s="19">
        <v>6580</v>
      </c>
      <c r="F21" s="19"/>
      <c r="G21" s="18" t="s">
        <v>40</v>
      </c>
      <c r="H21" s="17"/>
      <c r="I21" s="13">
        <v>16348</v>
      </c>
      <c r="J21" s="19">
        <v>8243</v>
      </c>
      <c r="K21" s="19">
        <v>8105</v>
      </c>
    </row>
    <row r="22" spans="1:11" ht="15" customHeight="1">
      <c r="A22" s="17" t="s">
        <v>41</v>
      </c>
      <c r="B22" s="17"/>
      <c r="C22" s="13">
        <v>13189</v>
      </c>
      <c r="D22" s="19">
        <v>6711</v>
      </c>
      <c r="E22" s="19">
        <v>6478</v>
      </c>
      <c r="F22" s="19"/>
      <c r="G22" s="18" t="s">
        <v>42</v>
      </c>
      <c r="H22" s="17"/>
      <c r="I22" s="13">
        <v>16949</v>
      </c>
      <c r="J22" s="19">
        <v>8553</v>
      </c>
      <c r="K22" s="19">
        <v>8396</v>
      </c>
    </row>
    <row r="23" spans="1:11" ht="20.100000000000001" customHeight="1">
      <c r="A23" s="17" t="s">
        <v>43</v>
      </c>
      <c r="B23" s="17"/>
      <c r="C23" s="13">
        <v>71796</v>
      </c>
      <c r="D23" s="14">
        <v>36714</v>
      </c>
      <c r="E23" s="14">
        <v>35082</v>
      </c>
      <c r="F23" s="14"/>
      <c r="G23" s="18" t="s">
        <v>44</v>
      </c>
      <c r="H23" s="17"/>
      <c r="I23" s="13">
        <v>96923</v>
      </c>
      <c r="J23" s="14">
        <v>46865</v>
      </c>
      <c r="K23" s="14">
        <v>50058</v>
      </c>
    </row>
    <row r="24" spans="1:11" ht="15" customHeight="1">
      <c r="A24" s="17" t="s">
        <v>45</v>
      </c>
      <c r="B24" s="17"/>
      <c r="C24" s="13">
        <v>13313</v>
      </c>
      <c r="D24" s="19">
        <v>6852</v>
      </c>
      <c r="E24" s="19">
        <v>6461</v>
      </c>
      <c r="F24" s="19"/>
      <c r="G24" s="18" t="s">
        <v>46</v>
      </c>
      <c r="H24" s="17"/>
      <c r="I24" s="13">
        <v>17280</v>
      </c>
      <c r="J24" s="19">
        <v>8569</v>
      </c>
      <c r="K24" s="19">
        <v>8711</v>
      </c>
    </row>
    <row r="25" spans="1:11" ht="15" customHeight="1">
      <c r="A25" s="17" t="s">
        <v>47</v>
      </c>
      <c r="B25" s="17"/>
      <c r="C25" s="13">
        <v>13782</v>
      </c>
      <c r="D25" s="19">
        <v>7144</v>
      </c>
      <c r="E25" s="19">
        <v>6638</v>
      </c>
      <c r="F25" s="19"/>
      <c r="G25" s="18" t="s">
        <v>48</v>
      </c>
      <c r="H25" s="17"/>
      <c r="I25" s="13">
        <v>17595</v>
      </c>
      <c r="J25" s="19">
        <v>8623</v>
      </c>
      <c r="K25" s="19">
        <v>8972</v>
      </c>
    </row>
    <row r="26" spans="1:11" ht="15" customHeight="1">
      <c r="A26" s="17" t="s">
        <v>49</v>
      </c>
      <c r="B26" s="17"/>
      <c r="C26" s="13">
        <v>14161</v>
      </c>
      <c r="D26" s="19">
        <v>7166</v>
      </c>
      <c r="E26" s="19">
        <v>6995</v>
      </c>
      <c r="F26" s="19"/>
      <c r="G26" s="18" t="s">
        <v>50</v>
      </c>
      <c r="H26" s="17"/>
      <c r="I26" s="13">
        <v>19559</v>
      </c>
      <c r="J26" s="19">
        <v>9389</v>
      </c>
      <c r="K26" s="19">
        <v>10170</v>
      </c>
    </row>
    <row r="27" spans="1:11" ht="15" customHeight="1">
      <c r="A27" s="17" t="s">
        <v>51</v>
      </c>
      <c r="B27" s="17"/>
      <c r="C27" s="13">
        <v>14646</v>
      </c>
      <c r="D27" s="19">
        <v>7444</v>
      </c>
      <c r="E27" s="19">
        <v>7202</v>
      </c>
      <c r="F27" s="19"/>
      <c r="G27" s="18" t="s">
        <v>52</v>
      </c>
      <c r="H27" s="17"/>
      <c r="I27" s="13">
        <v>20405</v>
      </c>
      <c r="J27" s="19">
        <v>9890</v>
      </c>
      <c r="K27" s="19">
        <v>10515</v>
      </c>
    </row>
    <row r="28" spans="1:11" ht="15" customHeight="1">
      <c r="A28" s="17" t="s">
        <v>53</v>
      </c>
      <c r="B28" s="17"/>
      <c r="C28" s="13">
        <v>15894</v>
      </c>
      <c r="D28" s="19">
        <v>8108</v>
      </c>
      <c r="E28" s="19">
        <v>7786</v>
      </c>
      <c r="F28" s="19"/>
      <c r="G28" s="18" t="s">
        <v>54</v>
      </c>
      <c r="H28" s="17"/>
      <c r="I28" s="13">
        <v>22084</v>
      </c>
      <c r="J28" s="19">
        <v>10394</v>
      </c>
      <c r="K28" s="19">
        <v>11690</v>
      </c>
    </row>
    <row r="29" spans="1:11" ht="20.100000000000001" customHeight="1">
      <c r="A29" s="17" t="s">
        <v>55</v>
      </c>
      <c r="B29" s="17"/>
      <c r="C29" s="13">
        <v>88949</v>
      </c>
      <c r="D29" s="14">
        <v>46393</v>
      </c>
      <c r="E29" s="14">
        <v>42556</v>
      </c>
      <c r="F29" s="14"/>
      <c r="G29" s="18" t="s">
        <v>56</v>
      </c>
      <c r="H29" s="17"/>
      <c r="I29" s="13">
        <v>106268</v>
      </c>
      <c r="J29" s="14">
        <v>49608</v>
      </c>
      <c r="K29" s="14">
        <v>56660</v>
      </c>
    </row>
    <row r="30" spans="1:11" ht="15" customHeight="1">
      <c r="A30" s="17" t="s">
        <v>57</v>
      </c>
      <c r="B30" s="17"/>
      <c r="C30" s="13">
        <v>16272</v>
      </c>
      <c r="D30" s="19">
        <v>8368</v>
      </c>
      <c r="E30" s="19">
        <v>7904</v>
      </c>
      <c r="F30" s="19"/>
      <c r="G30" s="18" t="s">
        <v>58</v>
      </c>
      <c r="H30" s="17"/>
      <c r="I30" s="13">
        <v>25205</v>
      </c>
      <c r="J30" s="19">
        <v>11942</v>
      </c>
      <c r="K30" s="19">
        <v>13263</v>
      </c>
    </row>
    <row r="31" spans="1:11" ht="15" customHeight="1">
      <c r="A31" s="17" t="s">
        <v>59</v>
      </c>
      <c r="B31" s="17"/>
      <c r="C31" s="13">
        <v>16922</v>
      </c>
      <c r="D31" s="19">
        <v>8748</v>
      </c>
      <c r="E31" s="19">
        <v>8174</v>
      </c>
      <c r="F31" s="19"/>
      <c r="G31" s="18" t="s">
        <v>60</v>
      </c>
      <c r="H31" s="17"/>
      <c r="I31" s="13">
        <v>24483</v>
      </c>
      <c r="J31" s="19">
        <v>11345</v>
      </c>
      <c r="K31" s="19">
        <v>13138</v>
      </c>
    </row>
    <row r="32" spans="1:11" ht="15" customHeight="1">
      <c r="A32" s="17" t="s">
        <v>61</v>
      </c>
      <c r="B32" s="17"/>
      <c r="C32" s="13">
        <v>17400</v>
      </c>
      <c r="D32" s="19">
        <v>9205</v>
      </c>
      <c r="E32" s="19">
        <v>8195</v>
      </c>
      <c r="F32" s="19"/>
      <c r="G32" s="18" t="s">
        <v>62</v>
      </c>
      <c r="H32" s="17"/>
      <c r="I32" s="13">
        <v>24425</v>
      </c>
      <c r="J32" s="19">
        <v>11290</v>
      </c>
      <c r="K32" s="19">
        <v>13135</v>
      </c>
    </row>
    <row r="33" spans="1:11" ht="15" customHeight="1">
      <c r="A33" s="17" t="s">
        <v>63</v>
      </c>
      <c r="B33" s="17"/>
      <c r="C33" s="13">
        <v>19092</v>
      </c>
      <c r="D33" s="19">
        <v>9987</v>
      </c>
      <c r="E33" s="19">
        <v>9105</v>
      </c>
      <c r="F33" s="19"/>
      <c r="G33" s="18" t="s">
        <v>64</v>
      </c>
      <c r="H33" s="17"/>
      <c r="I33" s="13">
        <v>16911</v>
      </c>
      <c r="J33" s="19">
        <v>7955</v>
      </c>
      <c r="K33" s="19">
        <v>8956</v>
      </c>
    </row>
    <row r="34" spans="1:11" ht="15" customHeight="1">
      <c r="A34" s="17" t="s">
        <v>65</v>
      </c>
      <c r="B34" s="17"/>
      <c r="C34" s="13">
        <v>19263</v>
      </c>
      <c r="D34" s="19">
        <v>10085</v>
      </c>
      <c r="E34" s="19">
        <v>9178</v>
      </c>
      <c r="F34" s="19"/>
      <c r="G34" s="18" t="s">
        <v>66</v>
      </c>
      <c r="H34" s="17"/>
      <c r="I34" s="13">
        <v>15244</v>
      </c>
      <c r="J34" s="19">
        <v>7076</v>
      </c>
      <c r="K34" s="19">
        <v>8168</v>
      </c>
    </row>
    <row r="35" spans="1:11" ht="20.100000000000001" customHeight="1">
      <c r="A35" s="17" t="s">
        <v>67</v>
      </c>
      <c r="B35" s="17"/>
      <c r="C35" s="13">
        <v>87001</v>
      </c>
      <c r="D35" s="14">
        <v>46642</v>
      </c>
      <c r="E35" s="14">
        <v>40359</v>
      </c>
      <c r="F35" s="14"/>
      <c r="G35" s="18" t="s">
        <v>68</v>
      </c>
      <c r="H35" s="17"/>
      <c r="I35" s="13">
        <v>92191</v>
      </c>
      <c r="J35" s="14">
        <v>42761</v>
      </c>
      <c r="K35" s="14">
        <v>49430</v>
      </c>
    </row>
    <row r="36" spans="1:11" ht="15" customHeight="1">
      <c r="A36" s="17" t="s">
        <v>69</v>
      </c>
      <c r="B36" s="17"/>
      <c r="C36" s="13">
        <v>19224</v>
      </c>
      <c r="D36" s="19">
        <v>10206</v>
      </c>
      <c r="E36" s="19">
        <v>9018</v>
      </c>
      <c r="F36" s="19"/>
      <c r="G36" s="18" t="s">
        <v>70</v>
      </c>
      <c r="H36" s="17"/>
      <c r="I36" s="13">
        <v>18919</v>
      </c>
      <c r="J36" s="19">
        <v>8677</v>
      </c>
      <c r="K36" s="19">
        <v>10242</v>
      </c>
    </row>
    <row r="37" spans="1:11" ht="15" customHeight="1">
      <c r="A37" s="17" t="s">
        <v>71</v>
      </c>
      <c r="B37" s="17"/>
      <c r="C37" s="13">
        <v>18154</v>
      </c>
      <c r="D37" s="19">
        <v>9692</v>
      </c>
      <c r="E37" s="19">
        <v>8462</v>
      </c>
      <c r="F37" s="19"/>
      <c r="G37" s="18" t="s">
        <v>72</v>
      </c>
      <c r="H37" s="17"/>
      <c r="I37" s="13">
        <v>20106</v>
      </c>
      <c r="J37" s="19">
        <v>9338</v>
      </c>
      <c r="K37" s="19">
        <v>10768</v>
      </c>
    </row>
    <row r="38" spans="1:11" ht="15" customHeight="1">
      <c r="A38" s="17" t="s">
        <v>73</v>
      </c>
      <c r="B38" s="17"/>
      <c r="C38" s="13">
        <v>17181</v>
      </c>
      <c r="D38" s="19">
        <v>9356</v>
      </c>
      <c r="E38" s="19">
        <v>7825</v>
      </c>
      <c r="F38" s="19"/>
      <c r="G38" s="18" t="s">
        <v>74</v>
      </c>
      <c r="H38" s="17"/>
      <c r="I38" s="13">
        <v>18695</v>
      </c>
      <c r="J38" s="19">
        <v>8762</v>
      </c>
      <c r="K38" s="19">
        <v>9933</v>
      </c>
    </row>
    <row r="39" spans="1:11" ht="15" customHeight="1">
      <c r="A39" s="17" t="s">
        <v>75</v>
      </c>
      <c r="B39" s="17"/>
      <c r="C39" s="13">
        <v>16413</v>
      </c>
      <c r="D39" s="19">
        <v>8779</v>
      </c>
      <c r="E39" s="19">
        <v>7634</v>
      </c>
      <c r="F39" s="19"/>
      <c r="G39" s="18" t="s">
        <v>76</v>
      </c>
      <c r="H39" s="17"/>
      <c r="I39" s="13">
        <v>18228</v>
      </c>
      <c r="J39" s="19">
        <v>8420</v>
      </c>
      <c r="K39" s="19">
        <v>9808</v>
      </c>
    </row>
    <row r="40" spans="1:11" ht="15" customHeight="1">
      <c r="A40" s="17" t="s">
        <v>77</v>
      </c>
      <c r="B40" s="17"/>
      <c r="C40" s="13">
        <v>16029</v>
      </c>
      <c r="D40" s="19">
        <v>8609</v>
      </c>
      <c r="E40" s="19">
        <v>7420</v>
      </c>
      <c r="F40" s="19"/>
      <c r="G40" s="18" t="s">
        <v>78</v>
      </c>
      <c r="H40" s="17"/>
      <c r="I40" s="13">
        <v>16243</v>
      </c>
      <c r="J40" s="19">
        <v>7564</v>
      </c>
      <c r="K40" s="19">
        <v>8679</v>
      </c>
    </row>
    <row r="41" spans="1:11" ht="20.100000000000001" customHeight="1">
      <c r="A41" s="17" t="s">
        <v>79</v>
      </c>
      <c r="B41" s="17"/>
      <c r="C41" s="13">
        <v>84383</v>
      </c>
      <c r="D41" s="14">
        <v>44467</v>
      </c>
      <c r="E41" s="14">
        <v>39916</v>
      </c>
      <c r="F41" s="14"/>
      <c r="G41" s="18" t="s">
        <v>80</v>
      </c>
      <c r="H41" s="17"/>
      <c r="I41" s="13">
        <v>58444</v>
      </c>
      <c r="J41" s="14">
        <v>26874</v>
      </c>
      <c r="K41" s="14">
        <v>31570</v>
      </c>
    </row>
    <row r="42" spans="1:11" ht="15" customHeight="1">
      <c r="A42" s="17" t="s">
        <v>81</v>
      </c>
      <c r="B42" s="17"/>
      <c r="C42" s="13">
        <v>15980</v>
      </c>
      <c r="D42" s="19">
        <v>8440</v>
      </c>
      <c r="E42" s="19">
        <v>7540</v>
      </c>
      <c r="F42" s="19"/>
      <c r="G42" s="18" t="s">
        <v>82</v>
      </c>
      <c r="H42" s="17"/>
      <c r="I42" s="13">
        <v>13383</v>
      </c>
      <c r="J42" s="19">
        <v>6291</v>
      </c>
      <c r="K42" s="19">
        <v>7092</v>
      </c>
    </row>
    <row r="43" spans="1:11" ht="15" customHeight="1">
      <c r="A43" s="17" t="s">
        <v>83</v>
      </c>
      <c r="B43" s="17"/>
      <c r="C43" s="13">
        <v>16994</v>
      </c>
      <c r="D43" s="19">
        <v>8926</v>
      </c>
      <c r="E43" s="19">
        <v>8068</v>
      </c>
      <c r="F43" s="19"/>
      <c r="G43" s="18" t="s">
        <v>84</v>
      </c>
      <c r="H43" s="17"/>
      <c r="I43" s="13">
        <v>12196</v>
      </c>
      <c r="J43" s="19">
        <v>5723</v>
      </c>
      <c r="K43" s="19">
        <v>6473</v>
      </c>
    </row>
    <row r="44" spans="1:11" ht="15" customHeight="1">
      <c r="A44" s="17" t="s">
        <v>85</v>
      </c>
      <c r="B44" s="17"/>
      <c r="C44" s="13">
        <v>16658</v>
      </c>
      <c r="D44" s="19">
        <v>8843</v>
      </c>
      <c r="E44" s="19">
        <v>7815</v>
      </c>
      <c r="F44" s="19"/>
      <c r="G44" s="18" t="s">
        <v>86</v>
      </c>
      <c r="H44" s="17"/>
      <c r="I44" s="13">
        <v>12354</v>
      </c>
      <c r="J44" s="19">
        <v>5716</v>
      </c>
      <c r="K44" s="19">
        <v>6638</v>
      </c>
    </row>
    <row r="45" spans="1:11" ht="15" customHeight="1">
      <c r="A45" s="17" t="s">
        <v>87</v>
      </c>
      <c r="B45" s="17"/>
      <c r="C45" s="13">
        <v>17183</v>
      </c>
      <c r="D45" s="19">
        <v>9072</v>
      </c>
      <c r="E45" s="19">
        <v>8111</v>
      </c>
      <c r="F45" s="19"/>
      <c r="G45" s="18" t="s">
        <v>88</v>
      </c>
      <c r="H45" s="17"/>
      <c r="I45" s="13">
        <v>10667</v>
      </c>
      <c r="J45" s="19">
        <v>4821</v>
      </c>
      <c r="K45" s="19">
        <v>5846</v>
      </c>
    </row>
    <row r="46" spans="1:11" ht="15" customHeight="1">
      <c r="A46" s="17" t="s">
        <v>89</v>
      </c>
      <c r="B46" s="17"/>
      <c r="C46" s="13">
        <v>17568</v>
      </c>
      <c r="D46" s="19">
        <v>9186</v>
      </c>
      <c r="E46" s="19">
        <v>8382</v>
      </c>
      <c r="F46" s="19"/>
      <c r="G46" s="18" t="s">
        <v>90</v>
      </c>
      <c r="H46" s="17"/>
      <c r="I46" s="13">
        <v>9844</v>
      </c>
      <c r="J46" s="19">
        <v>4323</v>
      </c>
      <c r="K46" s="19">
        <v>5521</v>
      </c>
    </row>
    <row r="47" spans="1:11" ht="20.100000000000001" customHeight="1">
      <c r="A47" s="17" t="s">
        <v>91</v>
      </c>
      <c r="B47" s="17"/>
      <c r="C47" s="13">
        <v>95751</v>
      </c>
      <c r="D47" s="14">
        <v>50201</v>
      </c>
      <c r="E47" s="14">
        <v>45550</v>
      </c>
      <c r="F47" s="14"/>
      <c r="G47" s="18" t="s">
        <v>92</v>
      </c>
      <c r="H47" s="17"/>
      <c r="I47" s="13">
        <v>32047</v>
      </c>
      <c r="J47" s="14">
        <v>12229</v>
      </c>
      <c r="K47" s="14">
        <v>19818</v>
      </c>
    </row>
    <row r="48" spans="1:11" ht="15" customHeight="1">
      <c r="A48" s="17" t="s">
        <v>93</v>
      </c>
      <c r="B48" s="17"/>
      <c r="C48" s="13">
        <v>18630</v>
      </c>
      <c r="D48" s="19">
        <v>9800</v>
      </c>
      <c r="E48" s="19">
        <v>8830</v>
      </c>
      <c r="F48" s="19"/>
      <c r="G48" s="18" t="s">
        <v>94</v>
      </c>
      <c r="H48" s="17"/>
      <c r="I48" s="13">
        <v>8075</v>
      </c>
      <c r="J48" s="19">
        <v>3317</v>
      </c>
      <c r="K48" s="19">
        <v>4758</v>
      </c>
    </row>
    <row r="49" spans="1:11" ht="15" customHeight="1">
      <c r="A49" s="17" t="s">
        <v>95</v>
      </c>
      <c r="B49" s="17"/>
      <c r="C49" s="13">
        <v>18977</v>
      </c>
      <c r="D49" s="19">
        <v>9885</v>
      </c>
      <c r="E49" s="19">
        <v>9092</v>
      </c>
      <c r="F49" s="19"/>
      <c r="G49" s="18" t="s">
        <v>96</v>
      </c>
      <c r="H49" s="17"/>
      <c r="I49" s="13">
        <v>7314</v>
      </c>
      <c r="J49" s="19">
        <v>2904</v>
      </c>
      <c r="K49" s="19">
        <v>4410</v>
      </c>
    </row>
    <row r="50" spans="1:11" ht="15" customHeight="1">
      <c r="A50" s="17" t="s">
        <v>97</v>
      </c>
      <c r="B50" s="17"/>
      <c r="C50" s="13">
        <v>18765</v>
      </c>
      <c r="D50" s="19">
        <v>9876</v>
      </c>
      <c r="E50" s="19">
        <v>8889</v>
      </c>
      <c r="F50" s="19"/>
      <c r="G50" s="18" t="s">
        <v>98</v>
      </c>
      <c r="H50" s="17"/>
      <c r="I50" s="13">
        <v>6584</v>
      </c>
      <c r="J50" s="19">
        <v>2473</v>
      </c>
      <c r="K50" s="19">
        <v>4111</v>
      </c>
    </row>
    <row r="51" spans="1:11" ht="15" customHeight="1">
      <c r="A51" s="17" t="s">
        <v>99</v>
      </c>
      <c r="B51" s="17"/>
      <c r="C51" s="13">
        <v>19421</v>
      </c>
      <c r="D51" s="19">
        <v>10161</v>
      </c>
      <c r="E51" s="19">
        <v>9260</v>
      </c>
      <c r="F51" s="19"/>
      <c r="G51" s="18" t="s">
        <v>100</v>
      </c>
      <c r="H51" s="17"/>
      <c r="I51" s="13">
        <v>5406</v>
      </c>
      <c r="J51" s="19">
        <v>1937</v>
      </c>
      <c r="K51" s="19">
        <v>3469</v>
      </c>
    </row>
    <row r="52" spans="1:11" ht="15" customHeight="1">
      <c r="A52" s="17" t="s">
        <v>101</v>
      </c>
      <c r="B52" s="17"/>
      <c r="C52" s="13">
        <v>19958</v>
      </c>
      <c r="D52" s="19">
        <v>10479</v>
      </c>
      <c r="E52" s="19">
        <v>9479</v>
      </c>
      <c r="F52" s="19"/>
      <c r="G52" s="18" t="s">
        <v>102</v>
      </c>
      <c r="H52" s="17"/>
      <c r="I52" s="13">
        <v>4668</v>
      </c>
      <c r="J52" s="19">
        <v>1598</v>
      </c>
      <c r="K52" s="19">
        <v>3070</v>
      </c>
    </row>
    <row r="53" spans="1:11" ht="20.100000000000001" customHeight="1">
      <c r="A53" s="17" t="s">
        <v>103</v>
      </c>
      <c r="B53" s="17"/>
      <c r="C53" s="13">
        <v>112996</v>
      </c>
      <c r="D53" s="14">
        <v>59079</v>
      </c>
      <c r="E53" s="14">
        <v>53917</v>
      </c>
      <c r="F53" s="14"/>
      <c r="G53" s="18" t="s">
        <v>104</v>
      </c>
      <c r="H53" s="17"/>
      <c r="I53" s="13">
        <v>14063</v>
      </c>
      <c r="J53" s="14">
        <v>4230</v>
      </c>
      <c r="K53" s="14">
        <v>9833</v>
      </c>
    </row>
    <row r="54" spans="1:11" ht="15" customHeight="1">
      <c r="A54" s="17" t="s">
        <v>105</v>
      </c>
      <c r="B54" s="17"/>
      <c r="C54" s="13">
        <v>21010</v>
      </c>
      <c r="D54" s="19">
        <v>11038</v>
      </c>
      <c r="E54" s="19">
        <v>9972</v>
      </c>
      <c r="F54" s="19"/>
      <c r="G54" s="18" t="s">
        <v>106</v>
      </c>
      <c r="H54" s="17"/>
      <c r="I54" s="13">
        <v>3849</v>
      </c>
      <c r="J54" s="19">
        <v>1247</v>
      </c>
      <c r="K54" s="19">
        <v>2602</v>
      </c>
    </row>
    <row r="55" spans="1:11" ht="15" customHeight="1">
      <c r="A55" s="17" t="s">
        <v>107</v>
      </c>
      <c r="B55" s="17"/>
      <c r="C55" s="13">
        <v>21867</v>
      </c>
      <c r="D55" s="19">
        <v>11401</v>
      </c>
      <c r="E55" s="19">
        <v>10466</v>
      </c>
      <c r="F55" s="19"/>
      <c r="G55" s="18" t="s">
        <v>108</v>
      </c>
      <c r="H55" s="17"/>
      <c r="I55" s="13">
        <v>3431</v>
      </c>
      <c r="J55" s="19">
        <v>1080</v>
      </c>
      <c r="K55" s="19">
        <v>2351</v>
      </c>
    </row>
    <row r="56" spans="1:11" ht="15" customHeight="1">
      <c r="A56" s="17" t="s">
        <v>109</v>
      </c>
      <c r="B56" s="17"/>
      <c r="C56" s="13">
        <v>22498</v>
      </c>
      <c r="D56" s="19">
        <v>11686</v>
      </c>
      <c r="E56" s="19">
        <v>10812</v>
      </c>
      <c r="F56" s="19"/>
      <c r="G56" s="18" t="s">
        <v>110</v>
      </c>
      <c r="H56" s="17"/>
      <c r="I56" s="13">
        <v>2712</v>
      </c>
      <c r="J56" s="19">
        <v>817</v>
      </c>
      <c r="K56" s="19">
        <v>1895</v>
      </c>
    </row>
    <row r="57" spans="1:11" ht="15" customHeight="1">
      <c r="A57" s="17" t="s">
        <v>111</v>
      </c>
      <c r="B57" s="17"/>
      <c r="C57" s="13">
        <v>23361</v>
      </c>
      <c r="D57" s="19">
        <v>12314</v>
      </c>
      <c r="E57" s="19">
        <v>11047</v>
      </c>
      <c r="F57" s="19"/>
      <c r="G57" s="18" t="s">
        <v>112</v>
      </c>
      <c r="H57" s="17"/>
      <c r="I57" s="13">
        <v>2233</v>
      </c>
      <c r="J57" s="19">
        <v>617</v>
      </c>
      <c r="K57" s="19">
        <v>1616</v>
      </c>
    </row>
    <row r="58" spans="1:11" ht="15" customHeight="1">
      <c r="A58" s="17" t="s">
        <v>113</v>
      </c>
      <c r="B58" s="17"/>
      <c r="C58" s="13">
        <v>24260</v>
      </c>
      <c r="D58" s="19">
        <v>12640</v>
      </c>
      <c r="E58" s="19">
        <v>11620</v>
      </c>
      <c r="F58" s="19"/>
      <c r="G58" s="18" t="s">
        <v>114</v>
      </c>
      <c r="H58" s="17"/>
      <c r="I58" s="13">
        <v>1838</v>
      </c>
      <c r="J58" s="19">
        <v>469</v>
      </c>
      <c r="K58" s="19">
        <v>1369</v>
      </c>
    </row>
    <row r="59" spans="1:11" ht="20.100000000000001" customHeight="1">
      <c r="A59" s="17" t="s">
        <v>115</v>
      </c>
      <c r="B59" s="17"/>
      <c r="C59" s="13">
        <v>135441</v>
      </c>
      <c r="D59" s="14">
        <v>70941</v>
      </c>
      <c r="E59" s="14">
        <v>64500</v>
      </c>
      <c r="F59" s="14"/>
      <c r="G59" s="18" t="s">
        <v>116</v>
      </c>
      <c r="H59" s="17"/>
      <c r="I59" s="13">
        <v>3879</v>
      </c>
      <c r="J59" s="14">
        <v>711</v>
      </c>
      <c r="K59" s="14">
        <v>3168</v>
      </c>
    </row>
    <row r="60" spans="1:11" ht="15" customHeight="1">
      <c r="A60" s="17" t="s">
        <v>117</v>
      </c>
      <c r="B60" s="17"/>
      <c r="C60" s="13">
        <v>26472</v>
      </c>
      <c r="D60" s="19">
        <v>13939</v>
      </c>
      <c r="E60" s="19">
        <v>12533</v>
      </c>
      <c r="F60" s="19"/>
      <c r="G60" s="18" t="s">
        <v>118</v>
      </c>
      <c r="H60" s="17"/>
      <c r="I60" s="13">
        <v>1287</v>
      </c>
      <c r="J60" s="19">
        <v>258</v>
      </c>
      <c r="K60" s="19">
        <v>1029</v>
      </c>
    </row>
    <row r="61" spans="1:11" ht="15" customHeight="1">
      <c r="A61" s="17" t="s">
        <v>119</v>
      </c>
      <c r="B61" s="17"/>
      <c r="C61" s="13">
        <v>27756</v>
      </c>
      <c r="D61" s="19">
        <v>14466</v>
      </c>
      <c r="E61" s="19">
        <v>13290</v>
      </c>
      <c r="F61" s="19"/>
      <c r="G61" s="18" t="s">
        <v>120</v>
      </c>
      <c r="H61" s="17"/>
      <c r="I61" s="13">
        <v>1046</v>
      </c>
      <c r="J61" s="19">
        <v>208</v>
      </c>
      <c r="K61" s="19">
        <v>838</v>
      </c>
    </row>
    <row r="62" spans="1:11" ht="15" customHeight="1">
      <c r="A62" s="17" t="s">
        <v>121</v>
      </c>
      <c r="B62" s="17"/>
      <c r="C62" s="13">
        <v>27387</v>
      </c>
      <c r="D62" s="19">
        <v>14289</v>
      </c>
      <c r="E62" s="19">
        <v>13098</v>
      </c>
      <c r="F62" s="19"/>
      <c r="G62" s="18" t="s">
        <v>122</v>
      </c>
      <c r="H62" s="17"/>
      <c r="I62" s="13">
        <v>653</v>
      </c>
      <c r="J62" s="19">
        <v>113</v>
      </c>
      <c r="K62" s="19">
        <v>540</v>
      </c>
    </row>
    <row r="63" spans="1:11" ht="15" customHeight="1">
      <c r="A63" s="17" t="s">
        <v>123</v>
      </c>
      <c r="B63" s="17"/>
      <c r="C63" s="13">
        <v>27299</v>
      </c>
      <c r="D63" s="19">
        <v>14326</v>
      </c>
      <c r="E63" s="19">
        <v>12973</v>
      </c>
      <c r="F63" s="19"/>
      <c r="G63" s="18" t="s">
        <v>124</v>
      </c>
      <c r="H63" s="17"/>
      <c r="I63" s="13">
        <v>526</v>
      </c>
      <c r="J63" s="19">
        <v>58</v>
      </c>
      <c r="K63" s="19">
        <v>468</v>
      </c>
    </row>
    <row r="64" spans="1:11" ht="15" customHeight="1">
      <c r="A64" s="17" t="s">
        <v>125</v>
      </c>
      <c r="B64" s="17"/>
      <c r="C64" s="13">
        <v>26527</v>
      </c>
      <c r="D64" s="19">
        <v>13921</v>
      </c>
      <c r="E64" s="19">
        <v>12606</v>
      </c>
      <c r="F64" s="19"/>
      <c r="G64" s="18" t="s">
        <v>126</v>
      </c>
      <c r="H64" s="17"/>
      <c r="I64" s="13">
        <v>367</v>
      </c>
      <c r="J64" s="19">
        <v>74</v>
      </c>
      <c r="K64" s="19">
        <v>29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28</v>
      </c>
      <c r="J65" s="19">
        <v>132</v>
      </c>
      <c r="K65" s="19">
        <v>69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677</v>
      </c>
      <c r="J66" s="29">
        <v>6436</v>
      </c>
      <c r="K66" s="29">
        <v>524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722796</v>
      </c>
      <c r="D4" s="14">
        <v>361412</v>
      </c>
      <c r="E4" s="14">
        <v>36138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5641</v>
      </c>
      <c r="D5" s="14">
        <v>13214</v>
      </c>
      <c r="E5" s="14">
        <v>12427</v>
      </c>
      <c r="F5" s="14"/>
      <c r="G5" s="18" t="s">
        <v>8</v>
      </c>
      <c r="H5" s="17"/>
      <c r="I5" s="13">
        <v>54126</v>
      </c>
      <c r="J5" s="14">
        <v>28270</v>
      </c>
      <c r="K5" s="14">
        <v>25856</v>
      </c>
    </row>
    <row r="6" spans="1:11" ht="15" customHeight="1">
      <c r="A6" s="17" t="s">
        <v>9</v>
      </c>
      <c r="B6" s="17"/>
      <c r="C6" s="13">
        <v>4737</v>
      </c>
      <c r="D6" s="19">
        <v>2424</v>
      </c>
      <c r="E6" s="19">
        <v>2313</v>
      </c>
      <c r="F6" s="19"/>
      <c r="G6" s="18" t="s">
        <v>10</v>
      </c>
      <c r="H6" s="17"/>
      <c r="I6" s="13">
        <v>11673</v>
      </c>
      <c r="J6" s="19">
        <v>6068</v>
      </c>
      <c r="K6" s="19">
        <v>5605</v>
      </c>
    </row>
    <row r="7" spans="1:11" ht="15" customHeight="1">
      <c r="A7" s="17" t="s">
        <v>11</v>
      </c>
      <c r="B7" s="17"/>
      <c r="C7" s="13">
        <v>5079</v>
      </c>
      <c r="D7" s="19">
        <v>2617</v>
      </c>
      <c r="E7" s="19">
        <v>2462</v>
      </c>
      <c r="F7" s="19"/>
      <c r="G7" s="18" t="s">
        <v>12</v>
      </c>
      <c r="H7" s="17"/>
      <c r="I7" s="13">
        <v>11238</v>
      </c>
      <c r="J7" s="19">
        <v>5940</v>
      </c>
      <c r="K7" s="19">
        <v>5298</v>
      </c>
    </row>
    <row r="8" spans="1:11" ht="15" customHeight="1">
      <c r="A8" s="17" t="s">
        <v>13</v>
      </c>
      <c r="B8" s="17"/>
      <c r="C8" s="13">
        <v>5212</v>
      </c>
      <c r="D8" s="19">
        <v>2626</v>
      </c>
      <c r="E8" s="19">
        <v>2586</v>
      </c>
      <c r="F8" s="19"/>
      <c r="G8" s="18" t="s">
        <v>14</v>
      </c>
      <c r="H8" s="17"/>
      <c r="I8" s="13">
        <v>11861</v>
      </c>
      <c r="J8" s="19">
        <v>6175</v>
      </c>
      <c r="K8" s="19">
        <v>5686</v>
      </c>
    </row>
    <row r="9" spans="1:11" ht="15" customHeight="1">
      <c r="A9" s="17" t="s">
        <v>15</v>
      </c>
      <c r="B9" s="17"/>
      <c r="C9" s="13">
        <v>5354</v>
      </c>
      <c r="D9" s="19">
        <v>2740</v>
      </c>
      <c r="E9" s="19">
        <v>2614</v>
      </c>
      <c r="F9" s="19"/>
      <c r="G9" s="18" t="s">
        <v>16</v>
      </c>
      <c r="H9" s="17"/>
      <c r="I9" s="13">
        <v>8518</v>
      </c>
      <c r="J9" s="19">
        <v>4423</v>
      </c>
      <c r="K9" s="19">
        <v>4095</v>
      </c>
    </row>
    <row r="10" spans="1:11" ht="15" customHeight="1">
      <c r="A10" s="17" t="s">
        <v>17</v>
      </c>
      <c r="B10" s="17"/>
      <c r="C10" s="13">
        <v>5259</v>
      </c>
      <c r="D10" s="19">
        <v>2807</v>
      </c>
      <c r="E10" s="19">
        <v>2452</v>
      </c>
      <c r="F10" s="19"/>
      <c r="G10" s="18" t="s">
        <v>18</v>
      </c>
      <c r="H10" s="17"/>
      <c r="I10" s="13">
        <v>10836</v>
      </c>
      <c r="J10" s="19">
        <v>5664</v>
      </c>
      <c r="K10" s="19">
        <v>5172</v>
      </c>
    </row>
    <row r="11" spans="1:11" ht="20.100000000000001" customHeight="1">
      <c r="A11" s="17" t="s">
        <v>19</v>
      </c>
      <c r="B11" s="17"/>
      <c r="C11" s="13">
        <v>28209</v>
      </c>
      <c r="D11" s="14">
        <v>14358</v>
      </c>
      <c r="E11" s="14">
        <v>13851</v>
      </c>
      <c r="F11" s="14"/>
      <c r="G11" s="18" t="s">
        <v>20</v>
      </c>
      <c r="H11" s="17"/>
      <c r="I11" s="13">
        <v>44231</v>
      </c>
      <c r="J11" s="14">
        <v>22831</v>
      </c>
      <c r="K11" s="14">
        <v>21400</v>
      </c>
    </row>
    <row r="12" spans="1:11" ht="15" customHeight="1">
      <c r="A12" s="17" t="s">
        <v>21</v>
      </c>
      <c r="B12" s="17"/>
      <c r="C12" s="13">
        <v>5491</v>
      </c>
      <c r="D12" s="19">
        <v>2777</v>
      </c>
      <c r="E12" s="19">
        <v>2714</v>
      </c>
      <c r="F12" s="19"/>
      <c r="G12" s="18" t="s">
        <v>22</v>
      </c>
      <c r="H12" s="17"/>
      <c r="I12" s="13">
        <v>9866</v>
      </c>
      <c r="J12" s="19">
        <v>5153</v>
      </c>
      <c r="K12" s="19">
        <v>4713</v>
      </c>
    </row>
    <row r="13" spans="1:11" ht="15" customHeight="1">
      <c r="A13" s="17" t="s">
        <v>23</v>
      </c>
      <c r="B13" s="17"/>
      <c r="C13" s="13">
        <v>5535</v>
      </c>
      <c r="D13" s="19">
        <v>2891</v>
      </c>
      <c r="E13" s="19">
        <v>2644</v>
      </c>
      <c r="F13" s="19"/>
      <c r="G13" s="18" t="s">
        <v>24</v>
      </c>
      <c r="H13" s="17"/>
      <c r="I13" s="13">
        <v>9244</v>
      </c>
      <c r="J13" s="19">
        <v>4777</v>
      </c>
      <c r="K13" s="19">
        <v>4467</v>
      </c>
    </row>
    <row r="14" spans="1:11" ht="15" customHeight="1">
      <c r="A14" s="17" t="s">
        <v>25</v>
      </c>
      <c r="B14" s="17"/>
      <c r="C14" s="13">
        <v>5644</v>
      </c>
      <c r="D14" s="19">
        <v>2850</v>
      </c>
      <c r="E14" s="19">
        <v>2794</v>
      </c>
      <c r="F14" s="19"/>
      <c r="G14" s="18" t="s">
        <v>26</v>
      </c>
      <c r="H14" s="17"/>
      <c r="I14" s="13">
        <v>8656</v>
      </c>
      <c r="J14" s="19">
        <v>4423</v>
      </c>
      <c r="K14" s="19">
        <v>4233</v>
      </c>
    </row>
    <row r="15" spans="1:11" ht="15" customHeight="1">
      <c r="A15" s="17" t="s">
        <v>27</v>
      </c>
      <c r="B15" s="17"/>
      <c r="C15" s="13">
        <v>5713</v>
      </c>
      <c r="D15" s="19">
        <v>2917</v>
      </c>
      <c r="E15" s="19">
        <v>2796</v>
      </c>
      <c r="F15" s="19"/>
      <c r="G15" s="18" t="s">
        <v>28</v>
      </c>
      <c r="H15" s="17"/>
      <c r="I15" s="13">
        <v>8224</v>
      </c>
      <c r="J15" s="19">
        <v>4306</v>
      </c>
      <c r="K15" s="19">
        <v>3918</v>
      </c>
    </row>
    <row r="16" spans="1:11" ht="15" customHeight="1">
      <c r="A16" s="17" t="s">
        <v>29</v>
      </c>
      <c r="B16" s="17"/>
      <c r="C16" s="13">
        <v>5826</v>
      </c>
      <c r="D16" s="19">
        <v>2923</v>
      </c>
      <c r="E16" s="19">
        <v>2903</v>
      </c>
      <c r="F16" s="19"/>
      <c r="G16" s="18" t="s">
        <v>30</v>
      </c>
      <c r="H16" s="17"/>
      <c r="I16" s="13">
        <v>8241</v>
      </c>
      <c r="J16" s="19">
        <v>4172</v>
      </c>
      <c r="K16" s="19">
        <v>4069</v>
      </c>
    </row>
    <row r="17" spans="1:11" ht="20.100000000000001" customHeight="1">
      <c r="A17" s="20" t="s">
        <v>31</v>
      </c>
      <c r="B17" s="20"/>
      <c r="C17" s="13">
        <v>30106</v>
      </c>
      <c r="D17" s="14">
        <v>15359</v>
      </c>
      <c r="E17" s="14">
        <v>14747</v>
      </c>
      <c r="F17" s="14"/>
      <c r="G17" s="18" t="s">
        <v>32</v>
      </c>
      <c r="H17" s="17"/>
      <c r="I17" s="13">
        <v>38235</v>
      </c>
      <c r="J17" s="14">
        <v>19434</v>
      </c>
      <c r="K17" s="14">
        <v>18801</v>
      </c>
    </row>
    <row r="18" spans="1:11" ht="15" customHeight="1">
      <c r="A18" s="17" t="s">
        <v>33</v>
      </c>
      <c r="B18" s="17"/>
      <c r="C18" s="13">
        <v>5989</v>
      </c>
      <c r="D18" s="19">
        <v>3020</v>
      </c>
      <c r="E18" s="19">
        <v>2969</v>
      </c>
      <c r="F18" s="19"/>
      <c r="G18" s="18" t="s">
        <v>34</v>
      </c>
      <c r="H18" s="17"/>
      <c r="I18" s="13">
        <v>7797</v>
      </c>
      <c r="J18" s="19">
        <v>4036</v>
      </c>
      <c r="K18" s="19">
        <v>3761</v>
      </c>
    </row>
    <row r="19" spans="1:11" ht="15" customHeight="1">
      <c r="A19" s="17" t="s">
        <v>35</v>
      </c>
      <c r="B19" s="17"/>
      <c r="C19" s="13">
        <v>6027</v>
      </c>
      <c r="D19" s="19">
        <v>3125</v>
      </c>
      <c r="E19" s="19">
        <v>2902</v>
      </c>
      <c r="F19" s="19"/>
      <c r="G19" s="18" t="s">
        <v>36</v>
      </c>
      <c r="H19" s="17"/>
      <c r="I19" s="13">
        <v>7787</v>
      </c>
      <c r="J19" s="19">
        <v>3929</v>
      </c>
      <c r="K19" s="19">
        <v>3858</v>
      </c>
    </row>
    <row r="20" spans="1:11" ht="15" customHeight="1">
      <c r="A20" s="17" t="s">
        <v>37</v>
      </c>
      <c r="B20" s="17"/>
      <c r="C20" s="13">
        <v>6091</v>
      </c>
      <c r="D20" s="19">
        <v>3166</v>
      </c>
      <c r="E20" s="19">
        <v>2925</v>
      </c>
      <c r="F20" s="19"/>
      <c r="G20" s="18" t="s">
        <v>38</v>
      </c>
      <c r="H20" s="17"/>
      <c r="I20" s="13">
        <v>7236</v>
      </c>
      <c r="J20" s="19">
        <v>3648</v>
      </c>
      <c r="K20" s="19">
        <v>3588</v>
      </c>
    </row>
    <row r="21" spans="1:11" ht="15" customHeight="1">
      <c r="A21" s="17" t="s">
        <v>39</v>
      </c>
      <c r="B21" s="17"/>
      <c r="C21" s="13">
        <v>6063</v>
      </c>
      <c r="D21" s="19">
        <v>3107</v>
      </c>
      <c r="E21" s="19">
        <v>2956</v>
      </c>
      <c r="F21" s="19"/>
      <c r="G21" s="18" t="s">
        <v>40</v>
      </c>
      <c r="H21" s="17"/>
      <c r="I21" s="13">
        <v>7682</v>
      </c>
      <c r="J21" s="19">
        <v>3849</v>
      </c>
      <c r="K21" s="19">
        <v>3833</v>
      </c>
    </row>
    <row r="22" spans="1:11" ht="15" customHeight="1">
      <c r="A22" s="17" t="s">
        <v>41</v>
      </c>
      <c r="B22" s="17"/>
      <c r="C22" s="13">
        <v>5936</v>
      </c>
      <c r="D22" s="19">
        <v>2941</v>
      </c>
      <c r="E22" s="19">
        <v>2995</v>
      </c>
      <c r="F22" s="19"/>
      <c r="G22" s="18" t="s">
        <v>42</v>
      </c>
      <c r="H22" s="17"/>
      <c r="I22" s="13">
        <v>7733</v>
      </c>
      <c r="J22" s="19">
        <v>3972</v>
      </c>
      <c r="K22" s="19">
        <v>3761</v>
      </c>
    </row>
    <row r="23" spans="1:11" ht="20.100000000000001" customHeight="1">
      <c r="A23" s="17" t="s">
        <v>43</v>
      </c>
      <c r="B23" s="17"/>
      <c r="C23" s="13">
        <v>32129</v>
      </c>
      <c r="D23" s="14">
        <v>16380</v>
      </c>
      <c r="E23" s="14">
        <v>15749</v>
      </c>
      <c r="F23" s="14"/>
      <c r="G23" s="18" t="s">
        <v>44</v>
      </c>
      <c r="H23" s="17"/>
      <c r="I23" s="13">
        <v>44547</v>
      </c>
      <c r="J23" s="14">
        <v>21465</v>
      </c>
      <c r="K23" s="14">
        <v>23082</v>
      </c>
    </row>
    <row r="24" spans="1:11" ht="15" customHeight="1">
      <c r="A24" s="17" t="s">
        <v>45</v>
      </c>
      <c r="B24" s="17"/>
      <c r="C24" s="13">
        <v>5866</v>
      </c>
      <c r="D24" s="19">
        <v>2994</v>
      </c>
      <c r="E24" s="19">
        <v>2872</v>
      </c>
      <c r="F24" s="19"/>
      <c r="G24" s="18" t="s">
        <v>46</v>
      </c>
      <c r="H24" s="17"/>
      <c r="I24" s="13">
        <v>7996</v>
      </c>
      <c r="J24" s="19">
        <v>3918</v>
      </c>
      <c r="K24" s="19">
        <v>4078</v>
      </c>
    </row>
    <row r="25" spans="1:11" ht="15" customHeight="1">
      <c r="A25" s="17" t="s">
        <v>47</v>
      </c>
      <c r="B25" s="17"/>
      <c r="C25" s="13">
        <v>6209</v>
      </c>
      <c r="D25" s="19">
        <v>3224</v>
      </c>
      <c r="E25" s="19">
        <v>2985</v>
      </c>
      <c r="F25" s="19"/>
      <c r="G25" s="18" t="s">
        <v>48</v>
      </c>
      <c r="H25" s="17"/>
      <c r="I25" s="13">
        <v>8019</v>
      </c>
      <c r="J25" s="19">
        <v>3930</v>
      </c>
      <c r="K25" s="19">
        <v>4089</v>
      </c>
    </row>
    <row r="26" spans="1:11" ht="15" customHeight="1">
      <c r="A26" s="17" t="s">
        <v>49</v>
      </c>
      <c r="B26" s="17"/>
      <c r="C26" s="13">
        <v>6233</v>
      </c>
      <c r="D26" s="19">
        <v>3201</v>
      </c>
      <c r="E26" s="19">
        <v>3032</v>
      </c>
      <c r="F26" s="19"/>
      <c r="G26" s="18" t="s">
        <v>50</v>
      </c>
      <c r="H26" s="17"/>
      <c r="I26" s="13">
        <v>8977</v>
      </c>
      <c r="J26" s="19">
        <v>4271</v>
      </c>
      <c r="K26" s="19">
        <v>4706</v>
      </c>
    </row>
    <row r="27" spans="1:11" ht="15" customHeight="1">
      <c r="A27" s="17" t="s">
        <v>51</v>
      </c>
      <c r="B27" s="17"/>
      <c r="C27" s="13">
        <v>6604</v>
      </c>
      <c r="D27" s="19">
        <v>3384</v>
      </c>
      <c r="E27" s="19">
        <v>3220</v>
      </c>
      <c r="F27" s="19"/>
      <c r="G27" s="18" t="s">
        <v>52</v>
      </c>
      <c r="H27" s="17"/>
      <c r="I27" s="13">
        <v>9493</v>
      </c>
      <c r="J27" s="19">
        <v>4609</v>
      </c>
      <c r="K27" s="19">
        <v>4884</v>
      </c>
    </row>
    <row r="28" spans="1:11" ht="15" customHeight="1">
      <c r="A28" s="17" t="s">
        <v>53</v>
      </c>
      <c r="B28" s="17"/>
      <c r="C28" s="13">
        <v>7217</v>
      </c>
      <c r="D28" s="19">
        <v>3577</v>
      </c>
      <c r="E28" s="19">
        <v>3640</v>
      </c>
      <c r="F28" s="19"/>
      <c r="G28" s="18" t="s">
        <v>54</v>
      </c>
      <c r="H28" s="17"/>
      <c r="I28" s="13">
        <v>10062</v>
      </c>
      <c r="J28" s="19">
        <v>4737</v>
      </c>
      <c r="K28" s="19">
        <v>5325</v>
      </c>
    </row>
    <row r="29" spans="1:11" ht="20.100000000000001" customHeight="1">
      <c r="A29" s="17" t="s">
        <v>55</v>
      </c>
      <c r="B29" s="17"/>
      <c r="C29" s="13">
        <v>42210</v>
      </c>
      <c r="D29" s="14">
        <v>21447</v>
      </c>
      <c r="E29" s="14">
        <v>20763</v>
      </c>
      <c r="F29" s="14"/>
      <c r="G29" s="18" t="s">
        <v>56</v>
      </c>
      <c r="H29" s="17"/>
      <c r="I29" s="13">
        <v>48500</v>
      </c>
      <c r="J29" s="14">
        <v>22526</v>
      </c>
      <c r="K29" s="14">
        <v>25974</v>
      </c>
    </row>
    <row r="30" spans="1:11" ht="15" customHeight="1">
      <c r="A30" s="17" t="s">
        <v>57</v>
      </c>
      <c r="B30" s="17"/>
      <c r="C30" s="13">
        <v>7443</v>
      </c>
      <c r="D30" s="19">
        <v>3791</v>
      </c>
      <c r="E30" s="19">
        <v>3652</v>
      </c>
      <c r="F30" s="19"/>
      <c r="G30" s="18" t="s">
        <v>58</v>
      </c>
      <c r="H30" s="17"/>
      <c r="I30" s="13">
        <v>11487</v>
      </c>
      <c r="J30" s="19">
        <v>5461</v>
      </c>
      <c r="K30" s="19">
        <v>6026</v>
      </c>
    </row>
    <row r="31" spans="1:11" ht="15" customHeight="1">
      <c r="A31" s="17" t="s">
        <v>59</v>
      </c>
      <c r="B31" s="17"/>
      <c r="C31" s="13">
        <v>7928</v>
      </c>
      <c r="D31" s="19">
        <v>4043</v>
      </c>
      <c r="E31" s="19">
        <v>3885</v>
      </c>
      <c r="F31" s="19"/>
      <c r="G31" s="18" t="s">
        <v>60</v>
      </c>
      <c r="H31" s="17"/>
      <c r="I31" s="13">
        <v>11180</v>
      </c>
      <c r="J31" s="19">
        <v>5116</v>
      </c>
      <c r="K31" s="19">
        <v>6064</v>
      </c>
    </row>
    <row r="32" spans="1:11" ht="15" customHeight="1">
      <c r="A32" s="17" t="s">
        <v>61</v>
      </c>
      <c r="B32" s="17"/>
      <c r="C32" s="13">
        <v>8253</v>
      </c>
      <c r="D32" s="19">
        <v>4300</v>
      </c>
      <c r="E32" s="19">
        <v>3953</v>
      </c>
      <c r="F32" s="19"/>
      <c r="G32" s="18" t="s">
        <v>62</v>
      </c>
      <c r="H32" s="17"/>
      <c r="I32" s="13">
        <v>11030</v>
      </c>
      <c r="J32" s="19">
        <v>5159</v>
      </c>
      <c r="K32" s="19">
        <v>5871</v>
      </c>
    </row>
    <row r="33" spans="1:11" ht="15" customHeight="1">
      <c r="A33" s="17" t="s">
        <v>63</v>
      </c>
      <c r="B33" s="17"/>
      <c r="C33" s="13">
        <v>9325</v>
      </c>
      <c r="D33" s="19">
        <v>4719</v>
      </c>
      <c r="E33" s="19">
        <v>4606</v>
      </c>
      <c r="F33" s="19"/>
      <c r="G33" s="18" t="s">
        <v>64</v>
      </c>
      <c r="H33" s="17"/>
      <c r="I33" s="13">
        <v>7690</v>
      </c>
      <c r="J33" s="19">
        <v>3496</v>
      </c>
      <c r="K33" s="19">
        <v>4194</v>
      </c>
    </row>
    <row r="34" spans="1:11" ht="15" customHeight="1">
      <c r="A34" s="17" t="s">
        <v>65</v>
      </c>
      <c r="B34" s="17"/>
      <c r="C34" s="13">
        <v>9261</v>
      </c>
      <c r="D34" s="19">
        <v>4594</v>
      </c>
      <c r="E34" s="19">
        <v>4667</v>
      </c>
      <c r="F34" s="19"/>
      <c r="G34" s="18" t="s">
        <v>66</v>
      </c>
      <c r="H34" s="17"/>
      <c r="I34" s="13">
        <v>7113</v>
      </c>
      <c r="J34" s="19">
        <v>3294</v>
      </c>
      <c r="K34" s="19">
        <v>3819</v>
      </c>
    </row>
    <row r="35" spans="1:11" ht="20.100000000000001" customHeight="1">
      <c r="A35" s="17" t="s">
        <v>67</v>
      </c>
      <c r="B35" s="17"/>
      <c r="C35" s="13">
        <v>40700</v>
      </c>
      <c r="D35" s="14">
        <v>21317</v>
      </c>
      <c r="E35" s="14">
        <v>19383</v>
      </c>
      <c r="F35" s="14"/>
      <c r="G35" s="18" t="s">
        <v>68</v>
      </c>
      <c r="H35" s="17"/>
      <c r="I35" s="13">
        <v>42771</v>
      </c>
      <c r="J35" s="14">
        <v>19895</v>
      </c>
      <c r="K35" s="14">
        <v>22876</v>
      </c>
    </row>
    <row r="36" spans="1:11" ht="15" customHeight="1">
      <c r="A36" s="17" t="s">
        <v>69</v>
      </c>
      <c r="B36" s="17"/>
      <c r="C36" s="13">
        <v>9242</v>
      </c>
      <c r="D36" s="19">
        <v>4734</v>
      </c>
      <c r="E36" s="19">
        <v>4508</v>
      </c>
      <c r="F36" s="19"/>
      <c r="G36" s="18" t="s">
        <v>70</v>
      </c>
      <c r="H36" s="17"/>
      <c r="I36" s="13">
        <v>8850</v>
      </c>
      <c r="J36" s="19">
        <v>4085</v>
      </c>
      <c r="K36" s="19">
        <v>4765</v>
      </c>
    </row>
    <row r="37" spans="1:11" ht="15" customHeight="1">
      <c r="A37" s="17" t="s">
        <v>71</v>
      </c>
      <c r="B37" s="17"/>
      <c r="C37" s="13">
        <v>8597</v>
      </c>
      <c r="D37" s="19">
        <v>4386</v>
      </c>
      <c r="E37" s="19">
        <v>4211</v>
      </c>
      <c r="F37" s="19"/>
      <c r="G37" s="18" t="s">
        <v>72</v>
      </c>
      <c r="H37" s="17"/>
      <c r="I37" s="13">
        <v>9281</v>
      </c>
      <c r="J37" s="19">
        <v>4304</v>
      </c>
      <c r="K37" s="19">
        <v>4977</v>
      </c>
    </row>
    <row r="38" spans="1:11" ht="15" customHeight="1">
      <c r="A38" s="17" t="s">
        <v>73</v>
      </c>
      <c r="B38" s="17"/>
      <c r="C38" s="13">
        <v>8061</v>
      </c>
      <c r="D38" s="19">
        <v>4359</v>
      </c>
      <c r="E38" s="19">
        <v>3702</v>
      </c>
      <c r="F38" s="19"/>
      <c r="G38" s="18" t="s">
        <v>74</v>
      </c>
      <c r="H38" s="17"/>
      <c r="I38" s="13">
        <v>8586</v>
      </c>
      <c r="J38" s="19">
        <v>4038</v>
      </c>
      <c r="K38" s="19">
        <v>4548</v>
      </c>
    </row>
    <row r="39" spans="1:11" ht="15" customHeight="1">
      <c r="A39" s="17" t="s">
        <v>75</v>
      </c>
      <c r="B39" s="17"/>
      <c r="C39" s="13">
        <v>7531</v>
      </c>
      <c r="D39" s="19">
        <v>3999</v>
      </c>
      <c r="E39" s="19">
        <v>3532</v>
      </c>
      <c r="F39" s="19"/>
      <c r="G39" s="18" t="s">
        <v>76</v>
      </c>
      <c r="H39" s="17"/>
      <c r="I39" s="13">
        <v>8580</v>
      </c>
      <c r="J39" s="19">
        <v>4001</v>
      </c>
      <c r="K39" s="19">
        <v>4579</v>
      </c>
    </row>
    <row r="40" spans="1:11" ht="15" customHeight="1">
      <c r="A40" s="17" t="s">
        <v>77</v>
      </c>
      <c r="B40" s="17"/>
      <c r="C40" s="13">
        <v>7269</v>
      </c>
      <c r="D40" s="19">
        <v>3839</v>
      </c>
      <c r="E40" s="19">
        <v>3430</v>
      </c>
      <c r="F40" s="19"/>
      <c r="G40" s="18" t="s">
        <v>78</v>
      </c>
      <c r="H40" s="17"/>
      <c r="I40" s="13">
        <v>7474</v>
      </c>
      <c r="J40" s="19">
        <v>3467</v>
      </c>
      <c r="K40" s="19">
        <v>4007</v>
      </c>
    </row>
    <row r="41" spans="1:11" ht="20.100000000000001" customHeight="1">
      <c r="A41" s="17" t="s">
        <v>79</v>
      </c>
      <c r="B41" s="17"/>
      <c r="C41" s="13">
        <v>38027</v>
      </c>
      <c r="D41" s="14">
        <v>19877</v>
      </c>
      <c r="E41" s="14">
        <v>18150</v>
      </c>
      <c r="F41" s="14"/>
      <c r="G41" s="18" t="s">
        <v>80</v>
      </c>
      <c r="H41" s="17"/>
      <c r="I41" s="13">
        <v>27448</v>
      </c>
      <c r="J41" s="14">
        <v>12589</v>
      </c>
      <c r="K41" s="14">
        <v>14859</v>
      </c>
    </row>
    <row r="42" spans="1:11" ht="15" customHeight="1">
      <c r="A42" s="17" t="s">
        <v>81</v>
      </c>
      <c r="B42" s="17"/>
      <c r="C42" s="13">
        <v>7332</v>
      </c>
      <c r="D42" s="19">
        <v>3793</v>
      </c>
      <c r="E42" s="19">
        <v>3539</v>
      </c>
      <c r="F42" s="19"/>
      <c r="G42" s="18" t="s">
        <v>82</v>
      </c>
      <c r="H42" s="17"/>
      <c r="I42" s="13">
        <v>6231</v>
      </c>
      <c r="J42" s="19">
        <v>2929</v>
      </c>
      <c r="K42" s="19">
        <v>3302</v>
      </c>
    </row>
    <row r="43" spans="1:11" ht="15" customHeight="1">
      <c r="A43" s="17" t="s">
        <v>83</v>
      </c>
      <c r="B43" s="17"/>
      <c r="C43" s="13">
        <v>7566</v>
      </c>
      <c r="D43" s="19">
        <v>3921</v>
      </c>
      <c r="E43" s="19">
        <v>3645</v>
      </c>
      <c r="F43" s="19"/>
      <c r="G43" s="18" t="s">
        <v>84</v>
      </c>
      <c r="H43" s="17"/>
      <c r="I43" s="13">
        <v>5764</v>
      </c>
      <c r="J43" s="19">
        <v>2743</v>
      </c>
      <c r="K43" s="19">
        <v>3021</v>
      </c>
    </row>
    <row r="44" spans="1:11" ht="15" customHeight="1">
      <c r="A44" s="17" t="s">
        <v>85</v>
      </c>
      <c r="B44" s="17"/>
      <c r="C44" s="13">
        <v>7483</v>
      </c>
      <c r="D44" s="19">
        <v>3962</v>
      </c>
      <c r="E44" s="19">
        <v>3521</v>
      </c>
      <c r="F44" s="19"/>
      <c r="G44" s="18" t="s">
        <v>86</v>
      </c>
      <c r="H44" s="17"/>
      <c r="I44" s="13">
        <v>5833</v>
      </c>
      <c r="J44" s="19">
        <v>2721</v>
      </c>
      <c r="K44" s="19">
        <v>3112</v>
      </c>
    </row>
    <row r="45" spans="1:11" ht="15" customHeight="1">
      <c r="A45" s="17" t="s">
        <v>87</v>
      </c>
      <c r="B45" s="17"/>
      <c r="C45" s="13">
        <v>7657</v>
      </c>
      <c r="D45" s="19">
        <v>4048</v>
      </c>
      <c r="E45" s="19">
        <v>3609</v>
      </c>
      <c r="F45" s="19"/>
      <c r="G45" s="18" t="s">
        <v>88</v>
      </c>
      <c r="H45" s="17"/>
      <c r="I45" s="13">
        <v>4998</v>
      </c>
      <c r="J45" s="19">
        <v>2194</v>
      </c>
      <c r="K45" s="19">
        <v>2804</v>
      </c>
    </row>
    <row r="46" spans="1:11" ht="15" customHeight="1">
      <c r="A46" s="17" t="s">
        <v>89</v>
      </c>
      <c r="B46" s="17"/>
      <c r="C46" s="13">
        <v>7989</v>
      </c>
      <c r="D46" s="19">
        <v>4153</v>
      </c>
      <c r="E46" s="19">
        <v>3836</v>
      </c>
      <c r="F46" s="19"/>
      <c r="G46" s="18" t="s">
        <v>90</v>
      </c>
      <c r="H46" s="17"/>
      <c r="I46" s="13">
        <v>4622</v>
      </c>
      <c r="J46" s="19">
        <v>2002</v>
      </c>
      <c r="K46" s="19">
        <v>2620</v>
      </c>
    </row>
    <row r="47" spans="1:11" ht="20.100000000000001" customHeight="1">
      <c r="A47" s="17" t="s">
        <v>91</v>
      </c>
      <c r="B47" s="17"/>
      <c r="C47" s="13">
        <v>43257</v>
      </c>
      <c r="D47" s="14">
        <v>22522</v>
      </c>
      <c r="E47" s="14">
        <v>20735</v>
      </c>
      <c r="F47" s="14"/>
      <c r="G47" s="18" t="s">
        <v>92</v>
      </c>
      <c r="H47" s="17"/>
      <c r="I47" s="13">
        <v>15396</v>
      </c>
      <c r="J47" s="14">
        <v>5925</v>
      </c>
      <c r="K47" s="14">
        <v>9471</v>
      </c>
    </row>
    <row r="48" spans="1:11" ht="15" customHeight="1">
      <c r="A48" s="17" t="s">
        <v>93</v>
      </c>
      <c r="B48" s="17"/>
      <c r="C48" s="13">
        <v>8454</v>
      </c>
      <c r="D48" s="19">
        <v>4360</v>
      </c>
      <c r="E48" s="19">
        <v>4094</v>
      </c>
      <c r="F48" s="19"/>
      <c r="G48" s="18" t="s">
        <v>94</v>
      </c>
      <c r="H48" s="17"/>
      <c r="I48" s="13">
        <v>3791</v>
      </c>
      <c r="J48" s="19">
        <v>1570</v>
      </c>
      <c r="K48" s="19">
        <v>2221</v>
      </c>
    </row>
    <row r="49" spans="1:11" ht="15" customHeight="1">
      <c r="A49" s="17" t="s">
        <v>95</v>
      </c>
      <c r="B49" s="17"/>
      <c r="C49" s="13">
        <v>8581</v>
      </c>
      <c r="D49" s="19">
        <v>4422</v>
      </c>
      <c r="E49" s="19">
        <v>4159</v>
      </c>
      <c r="F49" s="19"/>
      <c r="G49" s="18" t="s">
        <v>96</v>
      </c>
      <c r="H49" s="17"/>
      <c r="I49" s="13">
        <v>3578</v>
      </c>
      <c r="J49" s="19">
        <v>1397</v>
      </c>
      <c r="K49" s="19">
        <v>2181</v>
      </c>
    </row>
    <row r="50" spans="1:11" ht="15" customHeight="1">
      <c r="A50" s="17" t="s">
        <v>97</v>
      </c>
      <c r="B50" s="17"/>
      <c r="C50" s="13">
        <v>8466</v>
      </c>
      <c r="D50" s="19">
        <v>4385</v>
      </c>
      <c r="E50" s="19">
        <v>4081</v>
      </c>
      <c r="F50" s="19"/>
      <c r="G50" s="18" t="s">
        <v>98</v>
      </c>
      <c r="H50" s="17"/>
      <c r="I50" s="13">
        <v>3109</v>
      </c>
      <c r="J50" s="19">
        <v>1195</v>
      </c>
      <c r="K50" s="19">
        <v>1914</v>
      </c>
    </row>
    <row r="51" spans="1:11" ht="15" customHeight="1">
      <c r="A51" s="17" t="s">
        <v>99</v>
      </c>
      <c r="B51" s="17"/>
      <c r="C51" s="13">
        <v>8807</v>
      </c>
      <c r="D51" s="19">
        <v>4643</v>
      </c>
      <c r="E51" s="19">
        <v>4164</v>
      </c>
      <c r="F51" s="19"/>
      <c r="G51" s="18" t="s">
        <v>100</v>
      </c>
      <c r="H51" s="17"/>
      <c r="I51" s="13">
        <v>2566</v>
      </c>
      <c r="J51" s="19">
        <v>933</v>
      </c>
      <c r="K51" s="19">
        <v>1633</v>
      </c>
    </row>
    <row r="52" spans="1:11" ht="15" customHeight="1">
      <c r="A52" s="17" t="s">
        <v>101</v>
      </c>
      <c r="B52" s="17"/>
      <c r="C52" s="13">
        <v>8949</v>
      </c>
      <c r="D52" s="19">
        <v>4712</v>
      </c>
      <c r="E52" s="19">
        <v>4237</v>
      </c>
      <c r="F52" s="19"/>
      <c r="G52" s="18" t="s">
        <v>102</v>
      </c>
      <c r="H52" s="17"/>
      <c r="I52" s="13">
        <v>2352</v>
      </c>
      <c r="J52" s="19">
        <v>830</v>
      </c>
      <c r="K52" s="19">
        <v>1522</v>
      </c>
    </row>
    <row r="53" spans="1:11" ht="20.100000000000001" customHeight="1">
      <c r="A53" s="17" t="s">
        <v>103</v>
      </c>
      <c r="B53" s="17"/>
      <c r="C53" s="13">
        <v>51001</v>
      </c>
      <c r="D53" s="14">
        <v>26497</v>
      </c>
      <c r="E53" s="14">
        <v>24504</v>
      </c>
      <c r="F53" s="14"/>
      <c r="G53" s="18" t="s">
        <v>104</v>
      </c>
      <c r="H53" s="17"/>
      <c r="I53" s="13">
        <v>6773</v>
      </c>
      <c r="J53" s="14">
        <v>2015</v>
      </c>
      <c r="K53" s="14">
        <v>4758</v>
      </c>
    </row>
    <row r="54" spans="1:11" ht="15" customHeight="1">
      <c r="A54" s="17" t="s">
        <v>105</v>
      </c>
      <c r="B54" s="17"/>
      <c r="C54" s="13">
        <v>9449</v>
      </c>
      <c r="D54" s="19">
        <v>4914</v>
      </c>
      <c r="E54" s="19">
        <v>4535</v>
      </c>
      <c r="F54" s="19"/>
      <c r="G54" s="18" t="s">
        <v>106</v>
      </c>
      <c r="H54" s="17"/>
      <c r="I54" s="13">
        <v>1899</v>
      </c>
      <c r="J54" s="19">
        <v>629</v>
      </c>
      <c r="K54" s="19">
        <v>1270</v>
      </c>
    </row>
    <row r="55" spans="1:11" ht="15" customHeight="1">
      <c r="A55" s="17" t="s">
        <v>107</v>
      </c>
      <c r="B55" s="17"/>
      <c r="C55" s="13">
        <v>9883</v>
      </c>
      <c r="D55" s="19">
        <v>5092</v>
      </c>
      <c r="E55" s="19">
        <v>4791</v>
      </c>
      <c r="F55" s="19"/>
      <c r="G55" s="18" t="s">
        <v>108</v>
      </c>
      <c r="H55" s="17"/>
      <c r="I55" s="13">
        <v>1661</v>
      </c>
      <c r="J55" s="19">
        <v>506</v>
      </c>
      <c r="K55" s="19">
        <v>1155</v>
      </c>
    </row>
    <row r="56" spans="1:11" ht="15" customHeight="1">
      <c r="A56" s="17" t="s">
        <v>109</v>
      </c>
      <c r="B56" s="17"/>
      <c r="C56" s="13">
        <v>10193</v>
      </c>
      <c r="D56" s="19">
        <v>5258</v>
      </c>
      <c r="E56" s="19">
        <v>4935</v>
      </c>
      <c r="F56" s="19"/>
      <c r="G56" s="18" t="s">
        <v>110</v>
      </c>
      <c r="H56" s="17"/>
      <c r="I56" s="13">
        <v>1273</v>
      </c>
      <c r="J56" s="19">
        <v>374</v>
      </c>
      <c r="K56" s="19">
        <v>899</v>
      </c>
    </row>
    <row r="57" spans="1:11" ht="15" customHeight="1">
      <c r="A57" s="17" t="s">
        <v>111</v>
      </c>
      <c r="B57" s="17"/>
      <c r="C57" s="13">
        <v>10515</v>
      </c>
      <c r="D57" s="19">
        <v>5551</v>
      </c>
      <c r="E57" s="19">
        <v>4964</v>
      </c>
      <c r="F57" s="19"/>
      <c r="G57" s="18" t="s">
        <v>112</v>
      </c>
      <c r="H57" s="17"/>
      <c r="I57" s="13">
        <v>1120</v>
      </c>
      <c r="J57" s="19">
        <v>308</v>
      </c>
      <c r="K57" s="19">
        <v>812</v>
      </c>
    </row>
    <row r="58" spans="1:11" ht="15" customHeight="1">
      <c r="A58" s="17" t="s">
        <v>113</v>
      </c>
      <c r="B58" s="17"/>
      <c r="C58" s="13">
        <v>10961</v>
      </c>
      <c r="D58" s="19">
        <v>5682</v>
      </c>
      <c r="E58" s="19">
        <v>5279</v>
      </c>
      <c r="F58" s="19"/>
      <c r="G58" s="18" t="s">
        <v>114</v>
      </c>
      <c r="H58" s="17"/>
      <c r="I58" s="13">
        <v>820</v>
      </c>
      <c r="J58" s="19">
        <v>198</v>
      </c>
      <c r="K58" s="19">
        <v>622</v>
      </c>
    </row>
    <row r="59" spans="1:11" ht="20.100000000000001" customHeight="1">
      <c r="A59" s="17" t="s">
        <v>115</v>
      </c>
      <c r="B59" s="17"/>
      <c r="C59" s="13">
        <v>61084</v>
      </c>
      <c r="D59" s="14">
        <v>31735</v>
      </c>
      <c r="E59" s="14">
        <v>29349</v>
      </c>
      <c r="F59" s="14"/>
      <c r="G59" s="18" t="s">
        <v>116</v>
      </c>
      <c r="H59" s="17"/>
      <c r="I59" s="13">
        <v>1932</v>
      </c>
      <c r="J59" s="14">
        <v>334</v>
      </c>
      <c r="K59" s="14">
        <v>1598</v>
      </c>
    </row>
    <row r="60" spans="1:11" ht="15" customHeight="1">
      <c r="A60" s="17" t="s">
        <v>117</v>
      </c>
      <c r="B60" s="17"/>
      <c r="C60" s="13">
        <v>11964</v>
      </c>
      <c r="D60" s="19">
        <v>6319</v>
      </c>
      <c r="E60" s="19">
        <v>5645</v>
      </c>
      <c r="F60" s="19"/>
      <c r="G60" s="18" t="s">
        <v>118</v>
      </c>
      <c r="H60" s="17"/>
      <c r="I60" s="13">
        <v>650</v>
      </c>
      <c r="J60" s="19">
        <v>138</v>
      </c>
      <c r="K60" s="19">
        <v>512</v>
      </c>
    </row>
    <row r="61" spans="1:11" ht="15" customHeight="1">
      <c r="A61" s="17" t="s">
        <v>119</v>
      </c>
      <c r="B61" s="17"/>
      <c r="C61" s="13">
        <v>12440</v>
      </c>
      <c r="D61" s="19">
        <v>6401</v>
      </c>
      <c r="E61" s="19">
        <v>6039</v>
      </c>
      <c r="F61" s="19"/>
      <c r="G61" s="18" t="s">
        <v>120</v>
      </c>
      <c r="H61" s="17"/>
      <c r="I61" s="13">
        <v>516</v>
      </c>
      <c r="J61" s="19">
        <v>94</v>
      </c>
      <c r="K61" s="19">
        <v>422</v>
      </c>
    </row>
    <row r="62" spans="1:11" ht="15" customHeight="1">
      <c r="A62" s="17" t="s">
        <v>121</v>
      </c>
      <c r="B62" s="17"/>
      <c r="C62" s="13">
        <v>12255</v>
      </c>
      <c r="D62" s="19">
        <v>6378</v>
      </c>
      <c r="E62" s="19">
        <v>5877</v>
      </c>
      <c r="F62" s="19"/>
      <c r="G62" s="18" t="s">
        <v>122</v>
      </c>
      <c r="H62" s="17"/>
      <c r="I62" s="13">
        <v>312</v>
      </c>
      <c r="J62" s="19">
        <v>48</v>
      </c>
      <c r="K62" s="19">
        <v>264</v>
      </c>
    </row>
    <row r="63" spans="1:11" ht="15" customHeight="1">
      <c r="A63" s="17" t="s">
        <v>123</v>
      </c>
      <c r="B63" s="17"/>
      <c r="C63" s="13">
        <v>12390</v>
      </c>
      <c r="D63" s="19">
        <v>6404</v>
      </c>
      <c r="E63" s="19">
        <v>5986</v>
      </c>
      <c r="F63" s="19"/>
      <c r="G63" s="18" t="s">
        <v>124</v>
      </c>
      <c r="H63" s="17"/>
      <c r="I63" s="13">
        <v>267</v>
      </c>
      <c r="J63" s="19">
        <v>29</v>
      </c>
      <c r="K63" s="19">
        <v>238</v>
      </c>
    </row>
    <row r="64" spans="1:11" ht="15" customHeight="1">
      <c r="A64" s="17" t="s">
        <v>125</v>
      </c>
      <c r="B64" s="17"/>
      <c r="C64" s="13">
        <v>12035</v>
      </c>
      <c r="D64" s="19">
        <v>6233</v>
      </c>
      <c r="E64" s="19">
        <v>5802</v>
      </c>
      <c r="F64" s="19"/>
      <c r="G64" s="18" t="s">
        <v>126</v>
      </c>
      <c r="H64" s="17"/>
      <c r="I64" s="13">
        <v>187</v>
      </c>
      <c r="J64" s="19">
        <v>25</v>
      </c>
      <c r="K64" s="19">
        <v>16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04</v>
      </c>
      <c r="J65" s="19">
        <v>67</v>
      </c>
      <c r="K65" s="19">
        <v>33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069</v>
      </c>
      <c r="J66" s="29">
        <v>3355</v>
      </c>
      <c r="K66" s="29">
        <v>271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0464</v>
      </c>
      <c r="D4" s="14">
        <v>85729</v>
      </c>
      <c r="E4" s="14">
        <v>8473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631</v>
      </c>
      <c r="D5" s="14">
        <v>2853</v>
      </c>
      <c r="E5" s="14">
        <v>2778</v>
      </c>
      <c r="F5" s="14"/>
      <c r="G5" s="18" t="s">
        <v>8</v>
      </c>
      <c r="H5" s="17"/>
      <c r="I5" s="13">
        <v>12032</v>
      </c>
      <c r="J5" s="14">
        <v>6241</v>
      </c>
      <c r="K5" s="14">
        <v>5791</v>
      </c>
    </row>
    <row r="6" spans="1:11" ht="15" customHeight="1">
      <c r="A6" s="17" t="s">
        <v>9</v>
      </c>
      <c r="B6" s="17"/>
      <c r="C6" s="13">
        <v>985</v>
      </c>
      <c r="D6" s="19">
        <v>483</v>
      </c>
      <c r="E6" s="19">
        <v>502</v>
      </c>
      <c r="F6" s="19"/>
      <c r="G6" s="18" t="s">
        <v>10</v>
      </c>
      <c r="H6" s="17"/>
      <c r="I6" s="13">
        <v>2588</v>
      </c>
      <c r="J6" s="19">
        <v>1327</v>
      </c>
      <c r="K6" s="19">
        <v>1261</v>
      </c>
    </row>
    <row r="7" spans="1:11" ht="15" customHeight="1">
      <c r="A7" s="17" t="s">
        <v>11</v>
      </c>
      <c r="B7" s="17"/>
      <c r="C7" s="13">
        <v>1103</v>
      </c>
      <c r="D7" s="19">
        <v>561</v>
      </c>
      <c r="E7" s="19">
        <v>542</v>
      </c>
      <c r="F7" s="19"/>
      <c r="G7" s="18" t="s">
        <v>12</v>
      </c>
      <c r="H7" s="17"/>
      <c r="I7" s="13">
        <v>2464</v>
      </c>
      <c r="J7" s="19">
        <v>1275</v>
      </c>
      <c r="K7" s="19">
        <v>1189</v>
      </c>
    </row>
    <row r="8" spans="1:11" ht="15" customHeight="1">
      <c r="A8" s="17" t="s">
        <v>13</v>
      </c>
      <c r="B8" s="17"/>
      <c r="C8" s="13">
        <v>1164</v>
      </c>
      <c r="D8" s="19">
        <v>584</v>
      </c>
      <c r="E8" s="19">
        <v>580</v>
      </c>
      <c r="F8" s="19"/>
      <c r="G8" s="18" t="s">
        <v>14</v>
      </c>
      <c r="H8" s="17"/>
      <c r="I8" s="13">
        <v>2647</v>
      </c>
      <c r="J8" s="19">
        <v>1400</v>
      </c>
      <c r="K8" s="19">
        <v>1247</v>
      </c>
    </row>
    <row r="9" spans="1:11" ht="15" customHeight="1">
      <c r="A9" s="17" t="s">
        <v>15</v>
      </c>
      <c r="B9" s="17"/>
      <c r="C9" s="13">
        <v>1201</v>
      </c>
      <c r="D9" s="19">
        <v>617</v>
      </c>
      <c r="E9" s="19">
        <v>584</v>
      </c>
      <c r="F9" s="19"/>
      <c r="G9" s="18" t="s">
        <v>16</v>
      </c>
      <c r="H9" s="17"/>
      <c r="I9" s="13">
        <v>1874</v>
      </c>
      <c r="J9" s="19">
        <v>974</v>
      </c>
      <c r="K9" s="19">
        <v>900</v>
      </c>
    </row>
    <row r="10" spans="1:11" ht="15" customHeight="1">
      <c r="A10" s="17" t="s">
        <v>17</v>
      </c>
      <c r="B10" s="17"/>
      <c r="C10" s="13">
        <v>1178</v>
      </c>
      <c r="D10" s="19">
        <v>608</v>
      </c>
      <c r="E10" s="19">
        <v>570</v>
      </c>
      <c r="F10" s="19"/>
      <c r="G10" s="18" t="s">
        <v>18</v>
      </c>
      <c r="H10" s="17"/>
      <c r="I10" s="13">
        <v>2459</v>
      </c>
      <c r="J10" s="19">
        <v>1265</v>
      </c>
      <c r="K10" s="19">
        <v>1194</v>
      </c>
    </row>
    <row r="11" spans="1:11" ht="20.100000000000001" customHeight="1">
      <c r="A11" s="17" t="s">
        <v>19</v>
      </c>
      <c r="B11" s="17"/>
      <c r="C11" s="13">
        <v>6520</v>
      </c>
      <c r="D11" s="14">
        <v>3264</v>
      </c>
      <c r="E11" s="14">
        <v>3256</v>
      </c>
      <c r="F11" s="14"/>
      <c r="G11" s="18" t="s">
        <v>20</v>
      </c>
      <c r="H11" s="17"/>
      <c r="I11" s="13">
        <v>10274</v>
      </c>
      <c r="J11" s="14">
        <v>5269</v>
      </c>
      <c r="K11" s="14">
        <v>5005</v>
      </c>
    </row>
    <row r="12" spans="1:11" ht="15" customHeight="1">
      <c r="A12" s="17" t="s">
        <v>21</v>
      </c>
      <c r="B12" s="17"/>
      <c r="C12" s="13">
        <v>1237</v>
      </c>
      <c r="D12" s="19">
        <v>619</v>
      </c>
      <c r="E12" s="19">
        <v>618</v>
      </c>
      <c r="F12" s="19"/>
      <c r="G12" s="18" t="s">
        <v>22</v>
      </c>
      <c r="H12" s="17"/>
      <c r="I12" s="13">
        <v>2260</v>
      </c>
      <c r="J12" s="19">
        <v>1148</v>
      </c>
      <c r="K12" s="19">
        <v>1112</v>
      </c>
    </row>
    <row r="13" spans="1:11" ht="15" customHeight="1">
      <c r="A13" s="17" t="s">
        <v>23</v>
      </c>
      <c r="B13" s="17"/>
      <c r="C13" s="13">
        <v>1258</v>
      </c>
      <c r="D13" s="19">
        <v>611</v>
      </c>
      <c r="E13" s="19">
        <v>647</v>
      </c>
      <c r="F13" s="19"/>
      <c r="G13" s="18" t="s">
        <v>24</v>
      </c>
      <c r="H13" s="17"/>
      <c r="I13" s="13">
        <v>2097</v>
      </c>
      <c r="J13" s="19">
        <v>1069</v>
      </c>
      <c r="K13" s="19">
        <v>1028</v>
      </c>
    </row>
    <row r="14" spans="1:11" ht="15" customHeight="1">
      <c r="A14" s="17" t="s">
        <v>25</v>
      </c>
      <c r="B14" s="17"/>
      <c r="C14" s="13">
        <v>1343</v>
      </c>
      <c r="D14" s="19">
        <v>681</v>
      </c>
      <c r="E14" s="19">
        <v>662</v>
      </c>
      <c r="F14" s="19"/>
      <c r="G14" s="18" t="s">
        <v>26</v>
      </c>
      <c r="H14" s="17"/>
      <c r="I14" s="13">
        <v>2061</v>
      </c>
      <c r="J14" s="19">
        <v>1086</v>
      </c>
      <c r="K14" s="19">
        <v>975</v>
      </c>
    </row>
    <row r="15" spans="1:11" ht="15" customHeight="1">
      <c r="A15" s="17" t="s">
        <v>27</v>
      </c>
      <c r="B15" s="17"/>
      <c r="C15" s="13">
        <v>1333</v>
      </c>
      <c r="D15" s="19">
        <v>683</v>
      </c>
      <c r="E15" s="19">
        <v>650</v>
      </c>
      <c r="F15" s="19"/>
      <c r="G15" s="18" t="s">
        <v>28</v>
      </c>
      <c r="H15" s="17"/>
      <c r="I15" s="13">
        <v>1963</v>
      </c>
      <c r="J15" s="19">
        <v>1009</v>
      </c>
      <c r="K15" s="19">
        <v>954</v>
      </c>
    </row>
    <row r="16" spans="1:11" ht="15" customHeight="1">
      <c r="A16" s="17" t="s">
        <v>29</v>
      </c>
      <c r="B16" s="17"/>
      <c r="C16" s="13">
        <v>1349</v>
      </c>
      <c r="D16" s="19">
        <v>670</v>
      </c>
      <c r="E16" s="19">
        <v>679</v>
      </c>
      <c r="F16" s="19"/>
      <c r="G16" s="18" t="s">
        <v>30</v>
      </c>
      <c r="H16" s="17"/>
      <c r="I16" s="13">
        <v>1893</v>
      </c>
      <c r="J16" s="19">
        <v>957</v>
      </c>
      <c r="K16" s="19">
        <v>936</v>
      </c>
    </row>
    <row r="17" spans="1:11" ht="20.100000000000001" customHeight="1">
      <c r="A17" s="20" t="s">
        <v>31</v>
      </c>
      <c r="B17" s="20"/>
      <c r="C17" s="13">
        <v>7206</v>
      </c>
      <c r="D17" s="14">
        <v>3607</v>
      </c>
      <c r="E17" s="14">
        <v>3599</v>
      </c>
      <c r="F17" s="14"/>
      <c r="G17" s="18" t="s">
        <v>32</v>
      </c>
      <c r="H17" s="17"/>
      <c r="I17" s="13">
        <v>9836</v>
      </c>
      <c r="J17" s="14">
        <v>4952</v>
      </c>
      <c r="K17" s="14">
        <v>4884</v>
      </c>
    </row>
    <row r="18" spans="1:11" ht="15" customHeight="1">
      <c r="A18" s="17" t="s">
        <v>33</v>
      </c>
      <c r="B18" s="17"/>
      <c r="C18" s="13">
        <v>1433</v>
      </c>
      <c r="D18" s="19">
        <v>705</v>
      </c>
      <c r="E18" s="19">
        <v>728</v>
      </c>
      <c r="F18" s="19">
        <v>728</v>
      </c>
      <c r="G18" s="18" t="s">
        <v>34</v>
      </c>
      <c r="H18" s="17"/>
      <c r="I18" s="13">
        <v>1937</v>
      </c>
      <c r="J18" s="19">
        <v>980</v>
      </c>
      <c r="K18" s="19">
        <v>957</v>
      </c>
    </row>
    <row r="19" spans="1:11" ht="15" customHeight="1">
      <c r="A19" s="17" t="s">
        <v>35</v>
      </c>
      <c r="B19" s="17"/>
      <c r="C19" s="13">
        <v>1391</v>
      </c>
      <c r="D19" s="19">
        <v>706</v>
      </c>
      <c r="E19" s="19">
        <v>685</v>
      </c>
      <c r="F19" s="19">
        <v>685</v>
      </c>
      <c r="G19" s="18" t="s">
        <v>36</v>
      </c>
      <c r="H19" s="17"/>
      <c r="I19" s="13">
        <v>1968</v>
      </c>
      <c r="J19" s="19">
        <v>984</v>
      </c>
      <c r="K19" s="19">
        <v>984</v>
      </c>
    </row>
    <row r="20" spans="1:11" ht="15" customHeight="1">
      <c r="A20" s="17" t="s">
        <v>37</v>
      </c>
      <c r="B20" s="17"/>
      <c r="C20" s="13">
        <v>1470</v>
      </c>
      <c r="D20" s="19">
        <v>747</v>
      </c>
      <c r="E20" s="19">
        <v>723</v>
      </c>
      <c r="F20" s="19">
        <v>723</v>
      </c>
      <c r="G20" s="18" t="s">
        <v>38</v>
      </c>
      <c r="H20" s="17"/>
      <c r="I20" s="13">
        <v>1886</v>
      </c>
      <c r="J20" s="19">
        <v>960</v>
      </c>
      <c r="K20" s="19">
        <v>926</v>
      </c>
    </row>
    <row r="21" spans="1:11" ht="15" customHeight="1">
      <c r="A21" s="17" t="s">
        <v>39</v>
      </c>
      <c r="B21" s="17"/>
      <c r="C21" s="13">
        <v>1414</v>
      </c>
      <c r="D21" s="19">
        <v>723</v>
      </c>
      <c r="E21" s="19">
        <v>691</v>
      </c>
      <c r="F21" s="19">
        <v>691</v>
      </c>
      <c r="G21" s="18" t="s">
        <v>40</v>
      </c>
      <c r="H21" s="17"/>
      <c r="I21" s="13">
        <v>2014</v>
      </c>
      <c r="J21" s="19">
        <v>1022</v>
      </c>
      <c r="K21" s="19">
        <v>992</v>
      </c>
    </row>
    <row r="22" spans="1:11" ht="15" customHeight="1">
      <c r="A22" s="17" t="s">
        <v>41</v>
      </c>
      <c r="B22" s="17"/>
      <c r="C22" s="13">
        <v>1498</v>
      </c>
      <c r="D22" s="19">
        <v>726</v>
      </c>
      <c r="E22" s="19">
        <v>772</v>
      </c>
      <c r="F22" s="19">
        <v>772</v>
      </c>
      <c r="G22" s="18" t="s">
        <v>42</v>
      </c>
      <c r="H22" s="17"/>
      <c r="I22" s="13">
        <v>2031</v>
      </c>
      <c r="J22" s="19">
        <v>1006</v>
      </c>
      <c r="K22" s="19">
        <v>1025</v>
      </c>
    </row>
    <row r="23" spans="1:11" ht="20.100000000000001" customHeight="1">
      <c r="A23" s="17" t="s">
        <v>43</v>
      </c>
      <c r="B23" s="17"/>
      <c r="C23" s="13">
        <v>7847</v>
      </c>
      <c r="D23" s="14">
        <v>4045</v>
      </c>
      <c r="E23" s="14">
        <v>3802</v>
      </c>
      <c r="F23" s="14"/>
      <c r="G23" s="18" t="s">
        <v>44</v>
      </c>
      <c r="H23" s="17"/>
      <c r="I23" s="13">
        <v>12264</v>
      </c>
      <c r="J23" s="14">
        <v>5978</v>
      </c>
      <c r="K23" s="14">
        <v>6286</v>
      </c>
    </row>
    <row r="24" spans="1:11" ht="15" customHeight="1">
      <c r="A24" s="17" t="s">
        <v>45</v>
      </c>
      <c r="B24" s="17"/>
      <c r="C24" s="13">
        <v>1450</v>
      </c>
      <c r="D24" s="19">
        <v>739</v>
      </c>
      <c r="E24" s="19">
        <v>711</v>
      </c>
      <c r="F24" s="19"/>
      <c r="G24" s="18" t="s">
        <v>46</v>
      </c>
      <c r="H24" s="17"/>
      <c r="I24" s="13">
        <v>2185</v>
      </c>
      <c r="J24" s="19">
        <v>1074</v>
      </c>
      <c r="K24" s="19">
        <v>1111</v>
      </c>
    </row>
    <row r="25" spans="1:11" ht="15" customHeight="1">
      <c r="A25" s="17" t="s">
        <v>47</v>
      </c>
      <c r="B25" s="17"/>
      <c r="C25" s="13">
        <v>1514</v>
      </c>
      <c r="D25" s="19">
        <v>796</v>
      </c>
      <c r="E25" s="19">
        <v>718</v>
      </c>
      <c r="F25" s="19"/>
      <c r="G25" s="18" t="s">
        <v>48</v>
      </c>
      <c r="H25" s="17"/>
      <c r="I25" s="13">
        <v>2126</v>
      </c>
      <c r="J25" s="19">
        <v>1028</v>
      </c>
      <c r="K25" s="19">
        <v>1098</v>
      </c>
    </row>
    <row r="26" spans="1:11" ht="15" customHeight="1">
      <c r="A26" s="17" t="s">
        <v>49</v>
      </c>
      <c r="B26" s="17"/>
      <c r="C26" s="13">
        <v>1516</v>
      </c>
      <c r="D26" s="19">
        <v>787</v>
      </c>
      <c r="E26" s="19">
        <v>729</v>
      </c>
      <c r="F26" s="19"/>
      <c r="G26" s="18" t="s">
        <v>50</v>
      </c>
      <c r="H26" s="17"/>
      <c r="I26" s="13">
        <v>2462</v>
      </c>
      <c r="J26" s="19">
        <v>1169</v>
      </c>
      <c r="K26" s="19">
        <v>1293</v>
      </c>
    </row>
    <row r="27" spans="1:11" ht="15" customHeight="1">
      <c r="A27" s="17" t="s">
        <v>51</v>
      </c>
      <c r="B27" s="17"/>
      <c r="C27" s="13">
        <v>1595</v>
      </c>
      <c r="D27" s="19">
        <v>807</v>
      </c>
      <c r="E27" s="19">
        <v>788</v>
      </c>
      <c r="F27" s="19"/>
      <c r="G27" s="18" t="s">
        <v>52</v>
      </c>
      <c r="H27" s="17"/>
      <c r="I27" s="13">
        <v>2646</v>
      </c>
      <c r="J27" s="19">
        <v>1319</v>
      </c>
      <c r="K27" s="19">
        <v>1327</v>
      </c>
    </row>
    <row r="28" spans="1:11" ht="15" customHeight="1">
      <c r="A28" s="17" t="s">
        <v>53</v>
      </c>
      <c r="B28" s="17"/>
      <c r="C28" s="13">
        <v>1772</v>
      </c>
      <c r="D28" s="19">
        <v>916</v>
      </c>
      <c r="E28" s="19">
        <v>856</v>
      </c>
      <c r="F28" s="19"/>
      <c r="G28" s="18" t="s">
        <v>54</v>
      </c>
      <c r="H28" s="17"/>
      <c r="I28" s="13">
        <v>2845</v>
      </c>
      <c r="J28" s="19">
        <v>1388</v>
      </c>
      <c r="K28" s="19">
        <v>1457</v>
      </c>
    </row>
    <row r="29" spans="1:11" ht="20.100000000000001" customHeight="1">
      <c r="A29" s="17" t="s">
        <v>55</v>
      </c>
      <c r="B29" s="17"/>
      <c r="C29" s="13">
        <v>9366</v>
      </c>
      <c r="D29" s="14">
        <v>4947</v>
      </c>
      <c r="E29" s="14">
        <v>4419</v>
      </c>
      <c r="F29" s="14"/>
      <c r="G29" s="18" t="s">
        <v>56</v>
      </c>
      <c r="H29" s="17"/>
      <c r="I29" s="13">
        <v>13038</v>
      </c>
      <c r="J29" s="14">
        <v>6227</v>
      </c>
      <c r="K29" s="14">
        <v>6811</v>
      </c>
    </row>
    <row r="30" spans="1:11" ht="15" customHeight="1">
      <c r="A30" s="17" t="s">
        <v>57</v>
      </c>
      <c r="B30" s="17"/>
      <c r="C30" s="13">
        <v>1758</v>
      </c>
      <c r="D30" s="19">
        <v>907</v>
      </c>
      <c r="E30" s="19">
        <v>851</v>
      </c>
      <c r="F30" s="19"/>
      <c r="G30" s="18" t="s">
        <v>58</v>
      </c>
      <c r="H30" s="17"/>
      <c r="I30" s="13">
        <v>3134</v>
      </c>
      <c r="J30" s="19">
        <v>1496</v>
      </c>
      <c r="K30" s="19">
        <v>1638</v>
      </c>
    </row>
    <row r="31" spans="1:11" ht="15" customHeight="1">
      <c r="A31" s="17" t="s">
        <v>59</v>
      </c>
      <c r="B31" s="17"/>
      <c r="C31" s="13">
        <v>1851</v>
      </c>
      <c r="D31" s="19">
        <v>994</v>
      </c>
      <c r="E31" s="19">
        <v>857</v>
      </c>
      <c r="F31" s="19"/>
      <c r="G31" s="18" t="s">
        <v>60</v>
      </c>
      <c r="H31" s="17"/>
      <c r="I31" s="13">
        <v>3028</v>
      </c>
      <c r="J31" s="19">
        <v>1417</v>
      </c>
      <c r="K31" s="19">
        <v>1611</v>
      </c>
    </row>
    <row r="32" spans="1:11" ht="15" customHeight="1">
      <c r="A32" s="17" t="s">
        <v>61</v>
      </c>
      <c r="B32" s="17"/>
      <c r="C32" s="13">
        <v>1918</v>
      </c>
      <c r="D32" s="19">
        <v>1002</v>
      </c>
      <c r="E32" s="19">
        <v>916</v>
      </c>
      <c r="F32" s="19"/>
      <c r="G32" s="18" t="s">
        <v>62</v>
      </c>
      <c r="H32" s="17"/>
      <c r="I32" s="13">
        <v>2922</v>
      </c>
      <c r="J32" s="19">
        <v>1437</v>
      </c>
      <c r="K32" s="19">
        <v>1485</v>
      </c>
    </row>
    <row r="33" spans="1:11" ht="15" customHeight="1">
      <c r="A33" s="17" t="s">
        <v>63</v>
      </c>
      <c r="B33" s="17"/>
      <c r="C33" s="13">
        <v>1901</v>
      </c>
      <c r="D33" s="19">
        <v>1031</v>
      </c>
      <c r="E33" s="19">
        <v>870</v>
      </c>
      <c r="F33" s="19"/>
      <c r="G33" s="18" t="s">
        <v>64</v>
      </c>
      <c r="H33" s="17"/>
      <c r="I33" s="13">
        <v>2106</v>
      </c>
      <c r="J33" s="19">
        <v>997</v>
      </c>
      <c r="K33" s="19">
        <v>1109</v>
      </c>
    </row>
    <row r="34" spans="1:11" ht="15" customHeight="1">
      <c r="A34" s="17" t="s">
        <v>65</v>
      </c>
      <c r="B34" s="17"/>
      <c r="C34" s="13">
        <v>1938</v>
      </c>
      <c r="D34" s="19">
        <v>1013</v>
      </c>
      <c r="E34" s="19">
        <v>925</v>
      </c>
      <c r="F34" s="19"/>
      <c r="G34" s="18" t="s">
        <v>66</v>
      </c>
      <c r="H34" s="17"/>
      <c r="I34" s="13">
        <v>1848</v>
      </c>
      <c r="J34" s="19">
        <v>880</v>
      </c>
      <c r="K34" s="19">
        <v>968</v>
      </c>
    </row>
    <row r="35" spans="1:11" ht="20.100000000000001" customHeight="1">
      <c r="A35" s="17" t="s">
        <v>67</v>
      </c>
      <c r="B35" s="17"/>
      <c r="C35" s="13">
        <v>8787</v>
      </c>
      <c r="D35" s="14">
        <v>4721</v>
      </c>
      <c r="E35" s="14">
        <v>4066</v>
      </c>
      <c r="F35" s="14"/>
      <c r="G35" s="18" t="s">
        <v>68</v>
      </c>
      <c r="H35" s="17"/>
      <c r="I35" s="13">
        <v>10425</v>
      </c>
      <c r="J35" s="14">
        <v>5135</v>
      </c>
      <c r="K35" s="14">
        <v>5290</v>
      </c>
    </row>
    <row r="36" spans="1:11" ht="15" customHeight="1">
      <c r="A36" s="17" t="s">
        <v>69</v>
      </c>
      <c r="B36" s="17"/>
      <c r="C36" s="13">
        <v>1975</v>
      </c>
      <c r="D36" s="19">
        <v>1020</v>
      </c>
      <c r="E36" s="19">
        <v>955</v>
      </c>
      <c r="F36" s="19"/>
      <c r="G36" s="18" t="s">
        <v>70</v>
      </c>
      <c r="H36" s="17"/>
      <c r="I36" s="13">
        <v>2204</v>
      </c>
      <c r="J36" s="19">
        <v>1050</v>
      </c>
      <c r="K36" s="19">
        <v>1154</v>
      </c>
    </row>
    <row r="37" spans="1:11" ht="15" customHeight="1">
      <c r="A37" s="17" t="s">
        <v>71</v>
      </c>
      <c r="B37" s="17"/>
      <c r="C37" s="13">
        <v>1883</v>
      </c>
      <c r="D37" s="19">
        <v>1008</v>
      </c>
      <c r="E37" s="19">
        <v>875</v>
      </c>
      <c r="F37" s="19"/>
      <c r="G37" s="18" t="s">
        <v>72</v>
      </c>
      <c r="H37" s="17"/>
      <c r="I37" s="13">
        <v>2339</v>
      </c>
      <c r="J37" s="19">
        <v>1163</v>
      </c>
      <c r="K37" s="19">
        <v>1176</v>
      </c>
    </row>
    <row r="38" spans="1:11" ht="15" customHeight="1">
      <c r="A38" s="17" t="s">
        <v>73</v>
      </c>
      <c r="B38" s="17"/>
      <c r="C38" s="13">
        <v>1726</v>
      </c>
      <c r="D38" s="19">
        <v>938</v>
      </c>
      <c r="E38" s="19">
        <v>788</v>
      </c>
      <c r="F38" s="19"/>
      <c r="G38" s="18" t="s">
        <v>74</v>
      </c>
      <c r="H38" s="17"/>
      <c r="I38" s="13">
        <v>2059</v>
      </c>
      <c r="J38" s="19">
        <v>1017</v>
      </c>
      <c r="K38" s="19">
        <v>1042</v>
      </c>
    </row>
    <row r="39" spans="1:11" ht="15" customHeight="1">
      <c r="A39" s="17" t="s">
        <v>75</v>
      </c>
      <c r="B39" s="17"/>
      <c r="C39" s="13">
        <v>1643</v>
      </c>
      <c r="D39" s="19">
        <v>893</v>
      </c>
      <c r="E39" s="19">
        <v>750</v>
      </c>
      <c r="F39" s="19"/>
      <c r="G39" s="18" t="s">
        <v>76</v>
      </c>
      <c r="H39" s="17"/>
      <c r="I39" s="13">
        <v>2073</v>
      </c>
      <c r="J39" s="19">
        <v>1072</v>
      </c>
      <c r="K39" s="19">
        <v>1001</v>
      </c>
    </row>
    <row r="40" spans="1:11" ht="15" customHeight="1">
      <c r="A40" s="17" t="s">
        <v>77</v>
      </c>
      <c r="B40" s="17"/>
      <c r="C40" s="13">
        <v>1560</v>
      </c>
      <c r="D40" s="19">
        <v>862</v>
      </c>
      <c r="E40" s="19">
        <v>698</v>
      </c>
      <c r="F40" s="19"/>
      <c r="G40" s="18" t="s">
        <v>78</v>
      </c>
      <c r="H40" s="17"/>
      <c r="I40" s="13">
        <v>1750</v>
      </c>
      <c r="J40" s="19">
        <v>833</v>
      </c>
      <c r="K40" s="19">
        <v>917</v>
      </c>
    </row>
    <row r="41" spans="1:11" ht="20.100000000000001" customHeight="1">
      <c r="A41" s="17" t="s">
        <v>79</v>
      </c>
      <c r="B41" s="17"/>
      <c r="C41" s="13">
        <v>8345</v>
      </c>
      <c r="D41" s="14">
        <v>4365</v>
      </c>
      <c r="E41" s="14">
        <v>3980</v>
      </c>
      <c r="F41" s="14"/>
      <c r="G41" s="18" t="s">
        <v>80</v>
      </c>
      <c r="H41" s="17"/>
      <c r="I41" s="13">
        <v>6200</v>
      </c>
      <c r="J41" s="14">
        <v>2861</v>
      </c>
      <c r="K41" s="14">
        <v>3339</v>
      </c>
    </row>
    <row r="42" spans="1:11" ht="15" customHeight="1">
      <c r="A42" s="17" t="s">
        <v>81</v>
      </c>
      <c r="B42" s="17"/>
      <c r="C42" s="13">
        <v>1608</v>
      </c>
      <c r="D42" s="19">
        <v>820</v>
      </c>
      <c r="E42" s="19">
        <v>788</v>
      </c>
      <c r="F42" s="19"/>
      <c r="G42" s="18" t="s">
        <v>82</v>
      </c>
      <c r="H42" s="17"/>
      <c r="I42" s="13">
        <v>1501</v>
      </c>
      <c r="J42" s="19">
        <v>708</v>
      </c>
      <c r="K42" s="19">
        <v>793</v>
      </c>
    </row>
    <row r="43" spans="1:11" ht="15" customHeight="1">
      <c r="A43" s="17" t="s">
        <v>83</v>
      </c>
      <c r="B43" s="17"/>
      <c r="C43" s="13">
        <v>1635</v>
      </c>
      <c r="D43" s="19">
        <v>846</v>
      </c>
      <c r="E43" s="19">
        <v>789</v>
      </c>
      <c r="F43" s="19"/>
      <c r="G43" s="18" t="s">
        <v>84</v>
      </c>
      <c r="H43" s="17"/>
      <c r="I43" s="13">
        <v>1286</v>
      </c>
      <c r="J43" s="19">
        <v>615</v>
      </c>
      <c r="K43" s="19">
        <v>671</v>
      </c>
    </row>
    <row r="44" spans="1:11" ht="15" customHeight="1">
      <c r="A44" s="17" t="s">
        <v>85</v>
      </c>
      <c r="B44" s="17"/>
      <c r="C44" s="13">
        <v>1654</v>
      </c>
      <c r="D44" s="19">
        <v>874</v>
      </c>
      <c r="E44" s="19">
        <v>780</v>
      </c>
      <c r="F44" s="19"/>
      <c r="G44" s="18" t="s">
        <v>86</v>
      </c>
      <c r="H44" s="17"/>
      <c r="I44" s="13">
        <v>1281</v>
      </c>
      <c r="J44" s="19">
        <v>603</v>
      </c>
      <c r="K44" s="19">
        <v>678</v>
      </c>
    </row>
    <row r="45" spans="1:11" ht="15" customHeight="1">
      <c r="A45" s="17" t="s">
        <v>87</v>
      </c>
      <c r="B45" s="17"/>
      <c r="C45" s="13">
        <v>1740</v>
      </c>
      <c r="D45" s="19">
        <v>935</v>
      </c>
      <c r="E45" s="19">
        <v>805</v>
      </c>
      <c r="F45" s="19"/>
      <c r="G45" s="18" t="s">
        <v>88</v>
      </c>
      <c r="H45" s="17"/>
      <c r="I45" s="13">
        <v>1084</v>
      </c>
      <c r="J45" s="19">
        <v>481</v>
      </c>
      <c r="K45" s="19">
        <v>603</v>
      </c>
    </row>
    <row r="46" spans="1:11" ht="15" customHeight="1">
      <c r="A46" s="17" t="s">
        <v>89</v>
      </c>
      <c r="B46" s="17"/>
      <c r="C46" s="13">
        <v>1708</v>
      </c>
      <c r="D46" s="19">
        <v>890</v>
      </c>
      <c r="E46" s="19">
        <v>818</v>
      </c>
      <c r="F46" s="19"/>
      <c r="G46" s="18" t="s">
        <v>90</v>
      </c>
      <c r="H46" s="17"/>
      <c r="I46" s="13">
        <v>1048</v>
      </c>
      <c r="J46" s="19">
        <v>454</v>
      </c>
      <c r="K46" s="19">
        <v>594</v>
      </c>
    </row>
    <row r="47" spans="1:11" ht="20.100000000000001" customHeight="1">
      <c r="A47" s="17" t="s">
        <v>91</v>
      </c>
      <c r="B47" s="17"/>
      <c r="C47" s="13">
        <v>9731</v>
      </c>
      <c r="D47" s="14">
        <v>5130</v>
      </c>
      <c r="E47" s="14">
        <v>4601</v>
      </c>
      <c r="F47" s="14"/>
      <c r="G47" s="18" t="s">
        <v>92</v>
      </c>
      <c r="H47" s="17"/>
      <c r="I47" s="13">
        <v>3640</v>
      </c>
      <c r="J47" s="14">
        <v>1386</v>
      </c>
      <c r="K47" s="14">
        <v>2254</v>
      </c>
    </row>
    <row r="48" spans="1:11" ht="15" customHeight="1">
      <c r="A48" s="17" t="s">
        <v>93</v>
      </c>
      <c r="B48" s="17"/>
      <c r="C48" s="13">
        <v>1912</v>
      </c>
      <c r="D48" s="19">
        <v>996</v>
      </c>
      <c r="E48" s="19">
        <v>916</v>
      </c>
      <c r="F48" s="19"/>
      <c r="G48" s="18" t="s">
        <v>94</v>
      </c>
      <c r="H48" s="17"/>
      <c r="I48" s="13">
        <v>884</v>
      </c>
      <c r="J48" s="19">
        <v>361</v>
      </c>
      <c r="K48" s="19">
        <v>523</v>
      </c>
    </row>
    <row r="49" spans="1:11" ht="15" customHeight="1">
      <c r="A49" s="17" t="s">
        <v>95</v>
      </c>
      <c r="B49" s="17"/>
      <c r="C49" s="13">
        <v>1872</v>
      </c>
      <c r="D49" s="19">
        <v>989</v>
      </c>
      <c r="E49" s="19">
        <v>883</v>
      </c>
      <c r="F49" s="19"/>
      <c r="G49" s="18" t="s">
        <v>96</v>
      </c>
      <c r="H49" s="17"/>
      <c r="I49" s="13">
        <v>823</v>
      </c>
      <c r="J49" s="19">
        <v>312</v>
      </c>
      <c r="K49" s="19">
        <v>511</v>
      </c>
    </row>
    <row r="50" spans="1:11" ht="15" customHeight="1">
      <c r="A50" s="17" t="s">
        <v>97</v>
      </c>
      <c r="B50" s="17"/>
      <c r="C50" s="13">
        <v>1941</v>
      </c>
      <c r="D50" s="19">
        <v>998</v>
      </c>
      <c r="E50" s="19">
        <v>943</v>
      </c>
      <c r="F50" s="19"/>
      <c r="G50" s="18" t="s">
        <v>98</v>
      </c>
      <c r="H50" s="17"/>
      <c r="I50" s="13">
        <v>707</v>
      </c>
      <c r="J50" s="19">
        <v>283</v>
      </c>
      <c r="K50" s="19">
        <v>424</v>
      </c>
    </row>
    <row r="51" spans="1:11" ht="15" customHeight="1">
      <c r="A51" s="17" t="s">
        <v>99</v>
      </c>
      <c r="B51" s="17"/>
      <c r="C51" s="13">
        <v>1987</v>
      </c>
      <c r="D51" s="19">
        <v>1057</v>
      </c>
      <c r="E51" s="19">
        <v>930</v>
      </c>
      <c r="F51" s="19"/>
      <c r="G51" s="18" t="s">
        <v>100</v>
      </c>
      <c r="H51" s="17"/>
      <c r="I51" s="13">
        <v>644</v>
      </c>
      <c r="J51" s="19">
        <v>234</v>
      </c>
      <c r="K51" s="19">
        <v>410</v>
      </c>
    </row>
    <row r="52" spans="1:11" ht="15" customHeight="1">
      <c r="A52" s="17" t="s">
        <v>101</v>
      </c>
      <c r="B52" s="17"/>
      <c r="C52" s="13">
        <v>2019</v>
      </c>
      <c r="D52" s="19">
        <v>1090</v>
      </c>
      <c r="E52" s="19">
        <v>929</v>
      </c>
      <c r="F52" s="19"/>
      <c r="G52" s="18" t="s">
        <v>102</v>
      </c>
      <c r="H52" s="17"/>
      <c r="I52" s="13">
        <v>582</v>
      </c>
      <c r="J52" s="19">
        <v>196</v>
      </c>
      <c r="K52" s="19">
        <v>386</v>
      </c>
    </row>
    <row r="53" spans="1:11" ht="20.100000000000001" customHeight="1">
      <c r="A53" s="17" t="s">
        <v>103</v>
      </c>
      <c r="B53" s="17"/>
      <c r="C53" s="13">
        <v>11747</v>
      </c>
      <c r="D53" s="14">
        <v>6079</v>
      </c>
      <c r="E53" s="14">
        <v>5668</v>
      </c>
      <c r="F53" s="14"/>
      <c r="G53" s="18" t="s">
        <v>104</v>
      </c>
      <c r="H53" s="17"/>
      <c r="I53" s="13">
        <v>1661</v>
      </c>
      <c r="J53" s="14">
        <v>485</v>
      </c>
      <c r="K53" s="14">
        <v>1176</v>
      </c>
    </row>
    <row r="54" spans="1:11" ht="15" customHeight="1">
      <c r="A54" s="17" t="s">
        <v>105</v>
      </c>
      <c r="B54" s="17"/>
      <c r="C54" s="13">
        <v>2166</v>
      </c>
      <c r="D54" s="19">
        <v>1090</v>
      </c>
      <c r="E54" s="19">
        <v>1076</v>
      </c>
      <c r="F54" s="19"/>
      <c r="G54" s="18" t="s">
        <v>106</v>
      </c>
      <c r="H54" s="17"/>
      <c r="I54" s="13">
        <v>455</v>
      </c>
      <c r="J54" s="19">
        <v>147</v>
      </c>
      <c r="K54" s="19">
        <v>308</v>
      </c>
    </row>
    <row r="55" spans="1:11" ht="15" customHeight="1">
      <c r="A55" s="17" t="s">
        <v>107</v>
      </c>
      <c r="B55" s="17"/>
      <c r="C55" s="13">
        <v>2315</v>
      </c>
      <c r="D55" s="19">
        <v>1169</v>
      </c>
      <c r="E55" s="19">
        <v>1146</v>
      </c>
      <c r="F55" s="19"/>
      <c r="G55" s="18" t="s">
        <v>108</v>
      </c>
      <c r="H55" s="17"/>
      <c r="I55" s="13">
        <v>391</v>
      </c>
      <c r="J55" s="19">
        <v>112</v>
      </c>
      <c r="K55" s="19">
        <v>279</v>
      </c>
    </row>
    <row r="56" spans="1:11" ht="15" customHeight="1">
      <c r="A56" s="17" t="s">
        <v>109</v>
      </c>
      <c r="B56" s="17"/>
      <c r="C56" s="13">
        <v>2350</v>
      </c>
      <c r="D56" s="19">
        <v>1195</v>
      </c>
      <c r="E56" s="19">
        <v>1155</v>
      </c>
      <c r="F56" s="19"/>
      <c r="G56" s="18" t="s">
        <v>110</v>
      </c>
      <c r="H56" s="17"/>
      <c r="I56" s="13">
        <v>329</v>
      </c>
      <c r="J56" s="19">
        <v>94</v>
      </c>
      <c r="K56" s="19">
        <v>235</v>
      </c>
    </row>
    <row r="57" spans="1:11" ht="15" customHeight="1">
      <c r="A57" s="17" t="s">
        <v>111</v>
      </c>
      <c r="B57" s="17"/>
      <c r="C57" s="13">
        <v>2393</v>
      </c>
      <c r="D57" s="19">
        <v>1289</v>
      </c>
      <c r="E57" s="19">
        <v>1104</v>
      </c>
      <c r="F57" s="19"/>
      <c r="G57" s="18" t="s">
        <v>112</v>
      </c>
      <c r="H57" s="17"/>
      <c r="I57" s="13">
        <v>284</v>
      </c>
      <c r="J57" s="19">
        <v>87</v>
      </c>
      <c r="K57" s="19">
        <v>197</v>
      </c>
    </row>
    <row r="58" spans="1:11" ht="15" customHeight="1">
      <c r="A58" s="17" t="s">
        <v>113</v>
      </c>
      <c r="B58" s="17"/>
      <c r="C58" s="13">
        <v>2523</v>
      </c>
      <c r="D58" s="19">
        <v>1336</v>
      </c>
      <c r="E58" s="19">
        <v>1187</v>
      </c>
      <c r="F58" s="19"/>
      <c r="G58" s="18" t="s">
        <v>114</v>
      </c>
      <c r="H58" s="17"/>
      <c r="I58" s="13">
        <v>202</v>
      </c>
      <c r="J58" s="19">
        <v>45</v>
      </c>
      <c r="K58" s="19">
        <v>157</v>
      </c>
    </row>
    <row r="59" spans="1:11" ht="20.100000000000001" customHeight="1">
      <c r="A59" s="17" t="s">
        <v>115</v>
      </c>
      <c r="B59" s="17"/>
      <c r="C59" s="13">
        <v>14099</v>
      </c>
      <c r="D59" s="14">
        <v>7378</v>
      </c>
      <c r="E59" s="14">
        <v>6721</v>
      </c>
      <c r="F59" s="14"/>
      <c r="G59" s="18" t="s">
        <v>116</v>
      </c>
      <c r="H59" s="17"/>
      <c r="I59" s="13">
        <v>492</v>
      </c>
      <c r="J59" s="14">
        <v>69</v>
      </c>
      <c r="K59" s="14">
        <v>423</v>
      </c>
    </row>
    <row r="60" spans="1:11" ht="15" customHeight="1">
      <c r="A60" s="17" t="s">
        <v>117</v>
      </c>
      <c r="B60" s="17"/>
      <c r="C60" s="13">
        <v>2834</v>
      </c>
      <c r="D60" s="19">
        <v>1495</v>
      </c>
      <c r="E60" s="19">
        <v>1339</v>
      </c>
      <c r="F60" s="19"/>
      <c r="G60" s="18" t="s">
        <v>118</v>
      </c>
      <c r="H60" s="17"/>
      <c r="I60" s="13">
        <v>164</v>
      </c>
      <c r="J60" s="19">
        <v>32</v>
      </c>
      <c r="K60" s="19">
        <v>132</v>
      </c>
    </row>
    <row r="61" spans="1:11" ht="15" customHeight="1">
      <c r="A61" s="17" t="s">
        <v>119</v>
      </c>
      <c r="B61" s="17"/>
      <c r="C61" s="13">
        <v>2922</v>
      </c>
      <c r="D61" s="19">
        <v>1504</v>
      </c>
      <c r="E61" s="19">
        <v>1418</v>
      </c>
      <c r="F61" s="19"/>
      <c r="G61" s="18" t="s">
        <v>120</v>
      </c>
      <c r="H61" s="17"/>
      <c r="I61" s="13">
        <v>113</v>
      </c>
      <c r="J61" s="19">
        <v>13</v>
      </c>
      <c r="K61" s="19">
        <v>100</v>
      </c>
    </row>
    <row r="62" spans="1:11" ht="15" customHeight="1">
      <c r="A62" s="17" t="s">
        <v>121</v>
      </c>
      <c r="B62" s="17"/>
      <c r="C62" s="13">
        <v>2767</v>
      </c>
      <c r="D62" s="19">
        <v>1450</v>
      </c>
      <c r="E62" s="19">
        <v>1317</v>
      </c>
      <c r="F62" s="19"/>
      <c r="G62" s="18" t="s">
        <v>122</v>
      </c>
      <c r="H62" s="17"/>
      <c r="I62" s="13">
        <v>92</v>
      </c>
      <c r="J62" s="19">
        <v>11</v>
      </c>
      <c r="K62" s="19">
        <v>81</v>
      </c>
    </row>
    <row r="63" spans="1:11" ht="15" customHeight="1">
      <c r="A63" s="17" t="s">
        <v>123</v>
      </c>
      <c r="B63" s="17"/>
      <c r="C63" s="13">
        <v>2837</v>
      </c>
      <c r="D63" s="19">
        <v>1469</v>
      </c>
      <c r="E63" s="19">
        <v>1368</v>
      </c>
      <c r="F63" s="19"/>
      <c r="G63" s="18" t="s">
        <v>124</v>
      </c>
      <c r="H63" s="17"/>
      <c r="I63" s="13">
        <v>79</v>
      </c>
      <c r="J63" s="19">
        <v>9</v>
      </c>
      <c r="K63" s="19">
        <v>70</v>
      </c>
    </row>
    <row r="64" spans="1:11" ht="15" customHeight="1">
      <c r="A64" s="17" t="s">
        <v>125</v>
      </c>
      <c r="B64" s="17"/>
      <c r="C64" s="13">
        <v>2739</v>
      </c>
      <c r="D64" s="19">
        <v>1460</v>
      </c>
      <c r="E64" s="19">
        <v>1279</v>
      </c>
      <c r="F64" s="19"/>
      <c r="G64" s="18" t="s">
        <v>126</v>
      </c>
      <c r="H64" s="17"/>
      <c r="I64" s="13">
        <v>44</v>
      </c>
      <c r="J64" s="19">
        <v>4</v>
      </c>
      <c r="K64" s="19">
        <v>4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6</v>
      </c>
      <c r="J65" s="19">
        <v>22</v>
      </c>
      <c r="K65" s="19">
        <v>9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07</v>
      </c>
      <c r="J66" s="29">
        <v>715</v>
      </c>
      <c r="K66" s="29">
        <v>49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pageOrder="overThenDown" orientation="portrait" blackAndWhite="1" horizontalDpi="300" verticalDpi="300"/>
  <headerFooter scaleWithDoc="0" alignWithMargins="0">
    <oddFooter>&amp;C&amp;"+,太字"-&amp;P--</oddFoot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2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2228</v>
      </c>
      <c r="D4" s="14">
        <v>136746</v>
      </c>
      <c r="E4" s="14">
        <v>13548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976</v>
      </c>
      <c r="D5" s="14">
        <v>5199</v>
      </c>
      <c r="E5" s="14">
        <v>4777</v>
      </c>
      <c r="F5" s="14"/>
      <c r="G5" s="18" t="s">
        <v>8</v>
      </c>
      <c r="H5" s="17"/>
      <c r="I5" s="13">
        <v>20815</v>
      </c>
      <c r="J5" s="14">
        <v>10934</v>
      </c>
      <c r="K5" s="14">
        <v>9881</v>
      </c>
    </row>
    <row r="6" spans="1:11" ht="15" customHeight="1">
      <c r="A6" s="17" t="s">
        <v>9</v>
      </c>
      <c r="B6" s="17"/>
      <c r="C6" s="13">
        <v>1829</v>
      </c>
      <c r="D6" s="19">
        <v>952</v>
      </c>
      <c r="E6" s="19">
        <v>877</v>
      </c>
      <c r="F6" s="19"/>
      <c r="G6" s="18" t="s">
        <v>10</v>
      </c>
      <c r="H6" s="17"/>
      <c r="I6" s="13">
        <v>4545</v>
      </c>
      <c r="J6" s="19">
        <v>2364</v>
      </c>
      <c r="K6" s="19">
        <v>2181</v>
      </c>
    </row>
    <row r="7" spans="1:11" ht="15" customHeight="1">
      <c r="A7" s="17" t="s">
        <v>11</v>
      </c>
      <c r="B7" s="17"/>
      <c r="C7" s="13">
        <v>1988</v>
      </c>
      <c r="D7" s="19">
        <v>1021</v>
      </c>
      <c r="E7" s="19">
        <v>967</v>
      </c>
      <c r="F7" s="19"/>
      <c r="G7" s="18" t="s">
        <v>12</v>
      </c>
      <c r="H7" s="17"/>
      <c r="I7" s="13">
        <v>4335</v>
      </c>
      <c r="J7" s="19">
        <v>2327</v>
      </c>
      <c r="K7" s="19">
        <v>2008</v>
      </c>
    </row>
    <row r="8" spans="1:11" ht="15" customHeight="1">
      <c r="A8" s="17" t="s">
        <v>13</v>
      </c>
      <c r="B8" s="17"/>
      <c r="C8" s="13">
        <v>2002</v>
      </c>
      <c r="D8" s="19">
        <v>1034</v>
      </c>
      <c r="E8" s="19">
        <v>968</v>
      </c>
      <c r="F8" s="19"/>
      <c r="G8" s="18" t="s">
        <v>14</v>
      </c>
      <c r="H8" s="17"/>
      <c r="I8" s="13">
        <v>4554</v>
      </c>
      <c r="J8" s="19">
        <v>2382</v>
      </c>
      <c r="K8" s="19">
        <v>2172</v>
      </c>
    </row>
    <row r="9" spans="1:11" ht="15" customHeight="1">
      <c r="A9" s="17" t="s">
        <v>15</v>
      </c>
      <c r="B9" s="17"/>
      <c r="C9" s="13">
        <v>2090</v>
      </c>
      <c r="D9" s="19">
        <v>1082</v>
      </c>
      <c r="E9" s="19">
        <v>1008</v>
      </c>
      <c r="F9" s="19"/>
      <c r="G9" s="18" t="s">
        <v>16</v>
      </c>
      <c r="H9" s="17"/>
      <c r="I9" s="13">
        <v>3287</v>
      </c>
      <c r="J9" s="19">
        <v>1715</v>
      </c>
      <c r="K9" s="19">
        <v>1572</v>
      </c>
    </row>
    <row r="10" spans="1:11" ht="15" customHeight="1">
      <c r="A10" s="17" t="s">
        <v>17</v>
      </c>
      <c r="B10" s="17"/>
      <c r="C10" s="13">
        <v>2067</v>
      </c>
      <c r="D10" s="19">
        <v>1110</v>
      </c>
      <c r="E10" s="19">
        <v>957</v>
      </c>
      <c r="F10" s="19"/>
      <c r="G10" s="18" t="s">
        <v>18</v>
      </c>
      <c r="H10" s="17"/>
      <c r="I10" s="13">
        <v>4094</v>
      </c>
      <c r="J10" s="19">
        <v>2146</v>
      </c>
      <c r="K10" s="19">
        <v>1948</v>
      </c>
    </row>
    <row r="11" spans="1:11" ht="20.100000000000001" customHeight="1">
      <c r="A11" s="17" t="s">
        <v>19</v>
      </c>
      <c r="B11" s="17"/>
      <c r="C11" s="13">
        <v>11123</v>
      </c>
      <c r="D11" s="14">
        <v>5692</v>
      </c>
      <c r="E11" s="14">
        <v>5431</v>
      </c>
      <c r="F11" s="14"/>
      <c r="G11" s="18" t="s">
        <v>20</v>
      </c>
      <c r="H11" s="17"/>
      <c r="I11" s="13">
        <v>16772</v>
      </c>
      <c r="J11" s="14">
        <v>8706</v>
      </c>
      <c r="K11" s="14">
        <v>8066</v>
      </c>
    </row>
    <row r="12" spans="1:11" ht="15" customHeight="1">
      <c r="A12" s="17" t="s">
        <v>21</v>
      </c>
      <c r="B12" s="17"/>
      <c r="C12" s="13">
        <v>2170</v>
      </c>
      <c r="D12" s="19">
        <v>1103</v>
      </c>
      <c r="E12" s="19">
        <v>1067</v>
      </c>
      <c r="F12" s="19"/>
      <c r="G12" s="18" t="s">
        <v>22</v>
      </c>
      <c r="H12" s="17"/>
      <c r="I12" s="13">
        <v>3799</v>
      </c>
      <c r="J12" s="19">
        <v>2017</v>
      </c>
      <c r="K12" s="19">
        <v>1782</v>
      </c>
    </row>
    <row r="13" spans="1:11" ht="15" customHeight="1">
      <c r="A13" s="17" t="s">
        <v>23</v>
      </c>
      <c r="B13" s="17"/>
      <c r="C13" s="13">
        <v>2252</v>
      </c>
      <c r="D13" s="19">
        <v>1195</v>
      </c>
      <c r="E13" s="19">
        <v>1057</v>
      </c>
      <c r="F13" s="19"/>
      <c r="G13" s="18" t="s">
        <v>24</v>
      </c>
      <c r="H13" s="17"/>
      <c r="I13" s="13">
        <v>3548</v>
      </c>
      <c r="J13" s="19">
        <v>1835</v>
      </c>
      <c r="K13" s="19">
        <v>1713</v>
      </c>
    </row>
    <row r="14" spans="1:11" ht="15" customHeight="1">
      <c r="A14" s="17" t="s">
        <v>25</v>
      </c>
      <c r="B14" s="17"/>
      <c r="C14" s="13">
        <v>2203</v>
      </c>
      <c r="D14" s="19">
        <v>1121</v>
      </c>
      <c r="E14" s="19">
        <v>1082</v>
      </c>
      <c r="F14" s="19"/>
      <c r="G14" s="18" t="s">
        <v>26</v>
      </c>
      <c r="H14" s="17"/>
      <c r="I14" s="13">
        <v>3229</v>
      </c>
      <c r="J14" s="19">
        <v>1639</v>
      </c>
      <c r="K14" s="19">
        <v>1590</v>
      </c>
    </row>
    <row r="15" spans="1:11" ht="15" customHeight="1">
      <c r="A15" s="17" t="s">
        <v>27</v>
      </c>
      <c r="B15" s="17"/>
      <c r="C15" s="13">
        <v>2268</v>
      </c>
      <c r="D15" s="19">
        <v>1157</v>
      </c>
      <c r="E15" s="19">
        <v>1111</v>
      </c>
      <c r="F15" s="19"/>
      <c r="G15" s="18" t="s">
        <v>28</v>
      </c>
      <c r="H15" s="17"/>
      <c r="I15" s="13">
        <v>3072</v>
      </c>
      <c r="J15" s="19">
        <v>1618</v>
      </c>
      <c r="K15" s="19">
        <v>1454</v>
      </c>
    </row>
    <row r="16" spans="1:11" ht="15" customHeight="1">
      <c r="A16" s="17" t="s">
        <v>29</v>
      </c>
      <c r="B16" s="17"/>
      <c r="C16" s="13">
        <v>2230</v>
      </c>
      <c r="D16" s="19">
        <v>1116</v>
      </c>
      <c r="E16" s="19">
        <v>1114</v>
      </c>
      <c r="F16" s="19"/>
      <c r="G16" s="18" t="s">
        <v>30</v>
      </c>
      <c r="H16" s="17"/>
      <c r="I16" s="13">
        <v>3124</v>
      </c>
      <c r="J16" s="19">
        <v>1597</v>
      </c>
      <c r="K16" s="19">
        <v>1527</v>
      </c>
    </row>
    <row r="17" spans="1:11" ht="20.100000000000001" customHeight="1">
      <c r="A17" s="20" t="s">
        <v>31</v>
      </c>
      <c r="B17" s="20"/>
      <c r="C17" s="13">
        <v>11849</v>
      </c>
      <c r="D17" s="14">
        <v>6059</v>
      </c>
      <c r="E17" s="14">
        <v>5790</v>
      </c>
      <c r="F17" s="14"/>
      <c r="G17" s="18" t="s">
        <v>32</v>
      </c>
      <c r="H17" s="17"/>
      <c r="I17" s="13">
        <v>14153</v>
      </c>
      <c r="J17" s="14">
        <v>7224</v>
      </c>
      <c r="K17" s="14">
        <v>6929</v>
      </c>
    </row>
    <row r="18" spans="1:11" ht="15" customHeight="1">
      <c r="A18" s="17" t="s">
        <v>33</v>
      </c>
      <c r="B18" s="17"/>
      <c r="C18" s="13">
        <v>2308</v>
      </c>
      <c r="D18" s="19">
        <v>1176</v>
      </c>
      <c r="E18" s="19">
        <v>1132</v>
      </c>
      <c r="F18" s="19">
        <v>1132</v>
      </c>
      <c r="G18" s="18" t="s">
        <v>34</v>
      </c>
      <c r="H18" s="17"/>
      <c r="I18" s="13">
        <v>2850</v>
      </c>
      <c r="J18" s="19">
        <v>1466</v>
      </c>
      <c r="K18" s="19">
        <v>1384</v>
      </c>
    </row>
    <row r="19" spans="1:11" ht="15" customHeight="1">
      <c r="A19" s="17" t="s">
        <v>35</v>
      </c>
      <c r="B19" s="17"/>
      <c r="C19" s="13">
        <v>2430</v>
      </c>
      <c r="D19" s="19">
        <v>1271</v>
      </c>
      <c r="E19" s="19">
        <v>1159</v>
      </c>
      <c r="F19" s="19">
        <v>1159</v>
      </c>
      <c r="G19" s="18" t="s">
        <v>36</v>
      </c>
      <c r="H19" s="17"/>
      <c r="I19" s="13">
        <v>2894</v>
      </c>
      <c r="J19" s="19">
        <v>1457</v>
      </c>
      <c r="K19" s="19">
        <v>1437</v>
      </c>
    </row>
    <row r="20" spans="1:11" ht="15" customHeight="1">
      <c r="A20" s="17" t="s">
        <v>37</v>
      </c>
      <c r="B20" s="17"/>
      <c r="C20" s="13">
        <v>2360</v>
      </c>
      <c r="D20" s="19">
        <v>1204</v>
      </c>
      <c r="E20" s="19">
        <v>1156</v>
      </c>
      <c r="F20" s="19">
        <v>1156</v>
      </c>
      <c r="G20" s="18" t="s">
        <v>38</v>
      </c>
      <c r="H20" s="17"/>
      <c r="I20" s="13">
        <v>2665</v>
      </c>
      <c r="J20" s="19">
        <v>1363</v>
      </c>
      <c r="K20" s="19">
        <v>1302</v>
      </c>
    </row>
    <row r="21" spans="1:11" ht="15" customHeight="1">
      <c r="A21" s="17" t="s">
        <v>39</v>
      </c>
      <c r="B21" s="17"/>
      <c r="C21" s="13">
        <v>2430</v>
      </c>
      <c r="D21" s="19">
        <v>1272</v>
      </c>
      <c r="E21" s="19">
        <v>1158</v>
      </c>
      <c r="F21" s="19">
        <v>1158</v>
      </c>
      <c r="G21" s="18" t="s">
        <v>40</v>
      </c>
      <c r="H21" s="17"/>
      <c r="I21" s="13">
        <v>2878</v>
      </c>
      <c r="J21" s="19">
        <v>1434</v>
      </c>
      <c r="K21" s="19">
        <v>1444</v>
      </c>
    </row>
    <row r="22" spans="1:11" ht="15" customHeight="1">
      <c r="A22" s="17" t="s">
        <v>41</v>
      </c>
      <c r="B22" s="17"/>
      <c r="C22" s="13">
        <v>2321</v>
      </c>
      <c r="D22" s="19">
        <v>1136</v>
      </c>
      <c r="E22" s="19">
        <v>1185</v>
      </c>
      <c r="F22" s="19">
        <v>1185</v>
      </c>
      <c r="G22" s="18" t="s">
        <v>42</v>
      </c>
      <c r="H22" s="17"/>
      <c r="I22" s="13">
        <v>2866</v>
      </c>
      <c r="J22" s="19">
        <v>1504</v>
      </c>
      <c r="K22" s="19">
        <v>1362</v>
      </c>
    </row>
    <row r="23" spans="1:11" ht="20.100000000000001" customHeight="1">
      <c r="A23" s="17" t="s">
        <v>43</v>
      </c>
      <c r="B23" s="17"/>
      <c r="C23" s="13">
        <v>12638</v>
      </c>
      <c r="D23" s="14">
        <v>6480</v>
      </c>
      <c r="E23" s="14">
        <v>6158</v>
      </c>
      <c r="F23" s="14"/>
      <c r="G23" s="18" t="s">
        <v>44</v>
      </c>
      <c r="H23" s="17"/>
      <c r="I23" s="13">
        <v>16212</v>
      </c>
      <c r="J23" s="14">
        <v>7833</v>
      </c>
      <c r="K23" s="14">
        <v>8379</v>
      </c>
    </row>
    <row r="24" spans="1:11" ht="15" customHeight="1">
      <c r="A24" s="17" t="s">
        <v>45</v>
      </c>
      <c r="B24" s="17"/>
      <c r="C24" s="13">
        <v>2295</v>
      </c>
      <c r="D24" s="19">
        <v>1181</v>
      </c>
      <c r="E24" s="19">
        <v>1114</v>
      </c>
      <c r="F24" s="19"/>
      <c r="G24" s="18" t="s">
        <v>46</v>
      </c>
      <c r="H24" s="17"/>
      <c r="I24" s="13">
        <v>2868</v>
      </c>
      <c r="J24" s="19">
        <v>1422</v>
      </c>
      <c r="K24" s="19">
        <v>1446</v>
      </c>
    </row>
    <row r="25" spans="1:11" ht="15" customHeight="1">
      <c r="A25" s="17" t="s">
        <v>47</v>
      </c>
      <c r="B25" s="17"/>
      <c r="C25" s="13">
        <v>2427</v>
      </c>
      <c r="D25" s="19">
        <v>1241</v>
      </c>
      <c r="E25" s="19">
        <v>1186</v>
      </c>
      <c r="F25" s="19"/>
      <c r="G25" s="18" t="s">
        <v>48</v>
      </c>
      <c r="H25" s="17"/>
      <c r="I25" s="13">
        <v>3005</v>
      </c>
      <c r="J25" s="19">
        <v>1494</v>
      </c>
      <c r="K25" s="19">
        <v>1511</v>
      </c>
    </row>
    <row r="26" spans="1:11" ht="15" customHeight="1">
      <c r="A26" s="17" t="s">
        <v>49</v>
      </c>
      <c r="B26" s="17"/>
      <c r="C26" s="13">
        <v>2497</v>
      </c>
      <c r="D26" s="19">
        <v>1300</v>
      </c>
      <c r="E26" s="19">
        <v>1197</v>
      </c>
      <c r="F26" s="19"/>
      <c r="G26" s="18" t="s">
        <v>50</v>
      </c>
      <c r="H26" s="17"/>
      <c r="I26" s="13">
        <v>3306</v>
      </c>
      <c r="J26" s="19">
        <v>1577</v>
      </c>
      <c r="K26" s="19">
        <v>1729</v>
      </c>
    </row>
    <row r="27" spans="1:11" ht="15" customHeight="1">
      <c r="A27" s="17" t="s">
        <v>51</v>
      </c>
      <c r="B27" s="17"/>
      <c r="C27" s="13">
        <v>2576</v>
      </c>
      <c r="D27" s="19">
        <v>1336</v>
      </c>
      <c r="E27" s="19">
        <v>1240</v>
      </c>
      <c r="F27" s="19"/>
      <c r="G27" s="18" t="s">
        <v>52</v>
      </c>
      <c r="H27" s="17"/>
      <c r="I27" s="13">
        <v>3417</v>
      </c>
      <c r="J27" s="19">
        <v>1669</v>
      </c>
      <c r="K27" s="19">
        <v>1748</v>
      </c>
    </row>
    <row r="28" spans="1:11" ht="15" customHeight="1">
      <c r="A28" s="17" t="s">
        <v>53</v>
      </c>
      <c r="B28" s="17"/>
      <c r="C28" s="13">
        <v>2843</v>
      </c>
      <c r="D28" s="19">
        <v>1422</v>
      </c>
      <c r="E28" s="19">
        <v>1421</v>
      </c>
      <c r="F28" s="19"/>
      <c r="G28" s="18" t="s">
        <v>54</v>
      </c>
      <c r="H28" s="17"/>
      <c r="I28" s="13">
        <v>3616</v>
      </c>
      <c r="J28" s="19">
        <v>1671</v>
      </c>
      <c r="K28" s="19">
        <v>1945</v>
      </c>
    </row>
    <row r="29" spans="1:11" ht="20.100000000000001" customHeight="1">
      <c r="A29" s="17" t="s">
        <v>55</v>
      </c>
      <c r="B29" s="17"/>
      <c r="C29" s="13">
        <v>16508</v>
      </c>
      <c r="D29" s="14">
        <v>8511</v>
      </c>
      <c r="E29" s="14">
        <v>7997</v>
      </c>
      <c r="F29" s="14"/>
      <c r="G29" s="18" t="s">
        <v>56</v>
      </c>
      <c r="H29" s="17"/>
      <c r="I29" s="13">
        <v>17589</v>
      </c>
      <c r="J29" s="14">
        <v>8119</v>
      </c>
      <c r="K29" s="14">
        <v>9470</v>
      </c>
    </row>
    <row r="30" spans="1:11" ht="15" customHeight="1">
      <c r="A30" s="17" t="s">
        <v>57</v>
      </c>
      <c r="B30" s="17"/>
      <c r="C30" s="13">
        <v>2895</v>
      </c>
      <c r="D30" s="19">
        <v>1488</v>
      </c>
      <c r="E30" s="19">
        <v>1407</v>
      </c>
      <c r="F30" s="19"/>
      <c r="G30" s="18" t="s">
        <v>58</v>
      </c>
      <c r="H30" s="17"/>
      <c r="I30" s="13">
        <v>4165</v>
      </c>
      <c r="J30" s="19">
        <v>1982</v>
      </c>
      <c r="K30" s="19">
        <v>2183</v>
      </c>
    </row>
    <row r="31" spans="1:11" ht="15" customHeight="1">
      <c r="A31" s="17" t="s">
        <v>59</v>
      </c>
      <c r="B31" s="17"/>
      <c r="C31" s="13">
        <v>3123</v>
      </c>
      <c r="D31" s="19">
        <v>1589</v>
      </c>
      <c r="E31" s="19">
        <v>1534</v>
      </c>
      <c r="F31" s="19"/>
      <c r="G31" s="18" t="s">
        <v>60</v>
      </c>
      <c r="H31" s="17"/>
      <c r="I31" s="13">
        <v>4076</v>
      </c>
      <c r="J31" s="19">
        <v>1834</v>
      </c>
      <c r="K31" s="19">
        <v>2242</v>
      </c>
    </row>
    <row r="32" spans="1:11" ht="15" customHeight="1">
      <c r="A32" s="17" t="s">
        <v>61</v>
      </c>
      <c r="B32" s="17"/>
      <c r="C32" s="13">
        <v>3180</v>
      </c>
      <c r="D32" s="19">
        <v>1698</v>
      </c>
      <c r="E32" s="19">
        <v>1482</v>
      </c>
      <c r="F32" s="19"/>
      <c r="G32" s="18" t="s">
        <v>62</v>
      </c>
      <c r="H32" s="17"/>
      <c r="I32" s="13">
        <v>4001</v>
      </c>
      <c r="J32" s="19">
        <v>1859</v>
      </c>
      <c r="K32" s="19">
        <v>2142</v>
      </c>
    </row>
    <row r="33" spans="1:11" ht="15" customHeight="1">
      <c r="A33" s="17" t="s">
        <v>63</v>
      </c>
      <c r="B33" s="17"/>
      <c r="C33" s="13">
        <v>3685</v>
      </c>
      <c r="D33" s="19">
        <v>1895</v>
      </c>
      <c r="E33" s="19">
        <v>1790</v>
      </c>
      <c r="F33" s="19"/>
      <c r="G33" s="18" t="s">
        <v>64</v>
      </c>
      <c r="H33" s="17"/>
      <c r="I33" s="13">
        <v>2763</v>
      </c>
      <c r="J33" s="19">
        <v>1245</v>
      </c>
      <c r="K33" s="19">
        <v>1518</v>
      </c>
    </row>
    <row r="34" spans="1:11" ht="15" customHeight="1">
      <c r="A34" s="17" t="s">
        <v>65</v>
      </c>
      <c r="B34" s="17"/>
      <c r="C34" s="13">
        <v>3625</v>
      </c>
      <c r="D34" s="19">
        <v>1841</v>
      </c>
      <c r="E34" s="19">
        <v>1784</v>
      </c>
      <c r="F34" s="19"/>
      <c r="G34" s="18" t="s">
        <v>66</v>
      </c>
      <c r="H34" s="17"/>
      <c r="I34" s="13">
        <v>2584</v>
      </c>
      <c r="J34" s="19">
        <v>1199</v>
      </c>
      <c r="K34" s="19">
        <v>1385</v>
      </c>
    </row>
    <row r="35" spans="1:11" ht="20.100000000000001" customHeight="1">
      <c r="A35" s="17" t="s">
        <v>67</v>
      </c>
      <c r="B35" s="17"/>
      <c r="C35" s="13">
        <v>15162</v>
      </c>
      <c r="D35" s="14">
        <v>8101</v>
      </c>
      <c r="E35" s="14">
        <v>7061</v>
      </c>
      <c r="F35" s="14"/>
      <c r="G35" s="18" t="s">
        <v>68</v>
      </c>
      <c r="H35" s="17"/>
      <c r="I35" s="13">
        <v>15432</v>
      </c>
      <c r="J35" s="14">
        <v>7107</v>
      </c>
      <c r="K35" s="14">
        <v>8325</v>
      </c>
    </row>
    <row r="36" spans="1:11" ht="15" customHeight="1">
      <c r="A36" s="17" t="s">
        <v>69</v>
      </c>
      <c r="B36" s="17"/>
      <c r="C36" s="13">
        <v>3548</v>
      </c>
      <c r="D36" s="19">
        <v>1921</v>
      </c>
      <c r="E36" s="19">
        <v>1627</v>
      </c>
      <c r="F36" s="19"/>
      <c r="G36" s="18" t="s">
        <v>70</v>
      </c>
      <c r="H36" s="17"/>
      <c r="I36" s="13">
        <v>3194</v>
      </c>
      <c r="J36" s="19">
        <v>1472</v>
      </c>
      <c r="K36" s="19">
        <v>1722</v>
      </c>
    </row>
    <row r="37" spans="1:11" ht="15" customHeight="1">
      <c r="A37" s="17" t="s">
        <v>71</v>
      </c>
      <c r="B37" s="17"/>
      <c r="C37" s="13">
        <v>3093</v>
      </c>
      <c r="D37" s="19">
        <v>1590</v>
      </c>
      <c r="E37" s="19">
        <v>1503</v>
      </c>
      <c r="F37" s="19"/>
      <c r="G37" s="18" t="s">
        <v>72</v>
      </c>
      <c r="H37" s="17"/>
      <c r="I37" s="13">
        <v>3396</v>
      </c>
      <c r="J37" s="19">
        <v>1562</v>
      </c>
      <c r="K37" s="19">
        <v>1834</v>
      </c>
    </row>
    <row r="38" spans="1:11" ht="15" customHeight="1">
      <c r="A38" s="17" t="s">
        <v>73</v>
      </c>
      <c r="B38" s="17"/>
      <c r="C38" s="13">
        <v>2976</v>
      </c>
      <c r="D38" s="19">
        <v>1638</v>
      </c>
      <c r="E38" s="19">
        <v>1338</v>
      </c>
      <c r="F38" s="19"/>
      <c r="G38" s="18" t="s">
        <v>74</v>
      </c>
      <c r="H38" s="17"/>
      <c r="I38" s="13">
        <v>3098</v>
      </c>
      <c r="J38" s="19">
        <v>1436</v>
      </c>
      <c r="K38" s="19">
        <v>1662</v>
      </c>
    </row>
    <row r="39" spans="1:11" ht="15" customHeight="1">
      <c r="A39" s="17" t="s">
        <v>75</v>
      </c>
      <c r="B39" s="17"/>
      <c r="C39" s="13">
        <v>2838</v>
      </c>
      <c r="D39" s="19">
        <v>1530</v>
      </c>
      <c r="E39" s="19">
        <v>1308</v>
      </c>
      <c r="F39" s="19"/>
      <c r="G39" s="18" t="s">
        <v>76</v>
      </c>
      <c r="H39" s="17"/>
      <c r="I39" s="13">
        <v>3052</v>
      </c>
      <c r="J39" s="19">
        <v>1389</v>
      </c>
      <c r="K39" s="19">
        <v>1663</v>
      </c>
    </row>
    <row r="40" spans="1:11" ht="15" customHeight="1">
      <c r="A40" s="17" t="s">
        <v>77</v>
      </c>
      <c r="B40" s="17"/>
      <c r="C40" s="13">
        <v>2707</v>
      </c>
      <c r="D40" s="19">
        <v>1422</v>
      </c>
      <c r="E40" s="19">
        <v>1285</v>
      </c>
      <c r="F40" s="19"/>
      <c r="G40" s="18" t="s">
        <v>78</v>
      </c>
      <c r="H40" s="17"/>
      <c r="I40" s="13">
        <v>2692</v>
      </c>
      <c r="J40" s="19">
        <v>1248</v>
      </c>
      <c r="K40" s="19">
        <v>1444</v>
      </c>
    </row>
    <row r="41" spans="1:11" ht="20.100000000000001" customHeight="1">
      <c r="A41" s="17" t="s">
        <v>79</v>
      </c>
      <c r="B41" s="17"/>
      <c r="C41" s="13">
        <v>14297</v>
      </c>
      <c r="D41" s="14">
        <v>7476</v>
      </c>
      <c r="E41" s="14">
        <v>6821</v>
      </c>
      <c r="F41" s="14"/>
      <c r="G41" s="18" t="s">
        <v>80</v>
      </c>
      <c r="H41" s="17"/>
      <c r="I41" s="13">
        <v>9733</v>
      </c>
      <c r="J41" s="14">
        <v>4508</v>
      </c>
      <c r="K41" s="14">
        <v>5225</v>
      </c>
    </row>
    <row r="42" spans="1:11" ht="15" customHeight="1">
      <c r="A42" s="17" t="s">
        <v>81</v>
      </c>
      <c r="B42" s="17"/>
      <c r="C42" s="13">
        <v>2756</v>
      </c>
      <c r="D42" s="19">
        <v>1413</v>
      </c>
      <c r="E42" s="19">
        <v>1343</v>
      </c>
      <c r="F42" s="19"/>
      <c r="G42" s="18" t="s">
        <v>82</v>
      </c>
      <c r="H42" s="17"/>
      <c r="I42" s="13">
        <v>2229</v>
      </c>
      <c r="J42" s="19">
        <v>1084</v>
      </c>
      <c r="K42" s="19">
        <v>1145</v>
      </c>
    </row>
    <row r="43" spans="1:11" ht="15" customHeight="1">
      <c r="A43" s="17" t="s">
        <v>83</v>
      </c>
      <c r="B43" s="17"/>
      <c r="C43" s="13">
        <v>2797</v>
      </c>
      <c r="D43" s="19">
        <v>1475</v>
      </c>
      <c r="E43" s="19">
        <v>1322</v>
      </c>
      <c r="F43" s="19"/>
      <c r="G43" s="18" t="s">
        <v>84</v>
      </c>
      <c r="H43" s="17"/>
      <c r="I43" s="13">
        <v>2052</v>
      </c>
      <c r="J43" s="19">
        <v>978</v>
      </c>
      <c r="K43" s="19">
        <v>1074</v>
      </c>
    </row>
    <row r="44" spans="1:11" ht="15" customHeight="1">
      <c r="A44" s="17" t="s">
        <v>85</v>
      </c>
      <c r="B44" s="17"/>
      <c r="C44" s="13">
        <v>2742</v>
      </c>
      <c r="D44" s="19">
        <v>1452</v>
      </c>
      <c r="E44" s="19">
        <v>1290</v>
      </c>
      <c r="F44" s="19"/>
      <c r="G44" s="18" t="s">
        <v>86</v>
      </c>
      <c r="H44" s="17"/>
      <c r="I44" s="13">
        <v>2070</v>
      </c>
      <c r="J44" s="19">
        <v>974</v>
      </c>
      <c r="K44" s="19">
        <v>1096</v>
      </c>
    </row>
    <row r="45" spans="1:11" ht="15" customHeight="1">
      <c r="A45" s="17" t="s">
        <v>87</v>
      </c>
      <c r="B45" s="17"/>
      <c r="C45" s="13">
        <v>2922</v>
      </c>
      <c r="D45" s="19">
        <v>1559</v>
      </c>
      <c r="E45" s="19">
        <v>1363</v>
      </c>
      <c r="F45" s="19"/>
      <c r="G45" s="18" t="s">
        <v>88</v>
      </c>
      <c r="H45" s="17"/>
      <c r="I45" s="13">
        <v>1728</v>
      </c>
      <c r="J45" s="19">
        <v>780</v>
      </c>
      <c r="K45" s="19">
        <v>948</v>
      </c>
    </row>
    <row r="46" spans="1:11" ht="15" customHeight="1">
      <c r="A46" s="17" t="s">
        <v>89</v>
      </c>
      <c r="B46" s="17"/>
      <c r="C46" s="13">
        <v>3080</v>
      </c>
      <c r="D46" s="19">
        <v>1577</v>
      </c>
      <c r="E46" s="19">
        <v>1503</v>
      </c>
      <c r="F46" s="19"/>
      <c r="G46" s="18" t="s">
        <v>90</v>
      </c>
      <c r="H46" s="17"/>
      <c r="I46" s="13">
        <v>1654</v>
      </c>
      <c r="J46" s="19">
        <v>692</v>
      </c>
      <c r="K46" s="19">
        <v>962</v>
      </c>
    </row>
    <row r="47" spans="1:11" ht="20.100000000000001" customHeight="1">
      <c r="A47" s="17" t="s">
        <v>91</v>
      </c>
      <c r="B47" s="17"/>
      <c r="C47" s="13">
        <v>16375</v>
      </c>
      <c r="D47" s="14">
        <v>8447</v>
      </c>
      <c r="E47" s="14">
        <v>7928</v>
      </c>
      <c r="F47" s="14"/>
      <c r="G47" s="18" t="s">
        <v>92</v>
      </c>
      <c r="H47" s="17"/>
      <c r="I47" s="13">
        <v>5182</v>
      </c>
      <c r="J47" s="14">
        <v>1935</v>
      </c>
      <c r="K47" s="14">
        <v>3247</v>
      </c>
    </row>
    <row r="48" spans="1:11" ht="15" customHeight="1">
      <c r="A48" s="17" t="s">
        <v>93</v>
      </c>
      <c r="B48" s="17"/>
      <c r="C48" s="13">
        <v>3263</v>
      </c>
      <c r="D48" s="19">
        <v>1677</v>
      </c>
      <c r="E48" s="19">
        <v>1586</v>
      </c>
      <c r="F48" s="19"/>
      <c r="G48" s="18" t="s">
        <v>94</v>
      </c>
      <c r="H48" s="17"/>
      <c r="I48" s="13">
        <v>1283</v>
      </c>
      <c r="J48" s="19">
        <v>533</v>
      </c>
      <c r="K48" s="19">
        <v>750</v>
      </c>
    </row>
    <row r="49" spans="1:11" ht="15" customHeight="1">
      <c r="A49" s="17" t="s">
        <v>95</v>
      </c>
      <c r="B49" s="17"/>
      <c r="C49" s="13">
        <v>3254</v>
      </c>
      <c r="D49" s="19">
        <v>1598</v>
      </c>
      <c r="E49" s="19">
        <v>1656</v>
      </c>
      <c r="F49" s="19"/>
      <c r="G49" s="18" t="s">
        <v>96</v>
      </c>
      <c r="H49" s="17"/>
      <c r="I49" s="13">
        <v>1254</v>
      </c>
      <c r="J49" s="19">
        <v>488</v>
      </c>
      <c r="K49" s="19">
        <v>766</v>
      </c>
    </row>
    <row r="50" spans="1:11" ht="15" customHeight="1">
      <c r="A50" s="17" t="s">
        <v>97</v>
      </c>
      <c r="B50" s="17"/>
      <c r="C50" s="13">
        <v>3117</v>
      </c>
      <c r="D50" s="19">
        <v>1627</v>
      </c>
      <c r="E50" s="19">
        <v>1490</v>
      </c>
      <c r="F50" s="19"/>
      <c r="G50" s="18" t="s">
        <v>98</v>
      </c>
      <c r="H50" s="17"/>
      <c r="I50" s="13">
        <v>1041</v>
      </c>
      <c r="J50" s="19">
        <v>379</v>
      </c>
      <c r="K50" s="19">
        <v>662</v>
      </c>
    </row>
    <row r="51" spans="1:11" ht="15" customHeight="1">
      <c r="A51" s="17" t="s">
        <v>99</v>
      </c>
      <c r="B51" s="17"/>
      <c r="C51" s="13">
        <v>3341</v>
      </c>
      <c r="D51" s="19">
        <v>1761</v>
      </c>
      <c r="E51" s="19">
        <v>1580</v>
      </c>
      <c r="F51" s="19"/>
      <c r="G51" s="18" t="s">
        <v>100</v>
      </c>
      <c r="H51" s="17"/>
      <c r="I51" s="13">
        <v>850</v>
      </c>
      <c r="J51" s="19">
        <v>276</v>
      </c>
      <c r="K51" s="19">
        <v>574</v>
      </c>
    </row>
    <row r="52" spans="1:11" ht="15" customHeight="1">
      <c r="A52" s="17" t="s">
        <v>101</v>
      </c>
      <c r="B52" s="17"/>
      <c r="C52" s="13">
        <v>3400</v>
      </c>
      <c r="D52" s="19">
        <v>1784</v>
      </c>
      <c r="E52" s="19">
        <v>1616</v>
      </c>
      <c r="F52" s="19"/>
      <c r="G52" s="18" t="s">
        <v>102</v>
      </c>
      <c r="H52" s="17"/>
      <c r="I52" s="13">
        <v>754</v>
      </c>
      <c r="J52" s="19">
        <v>259</v>
      </c>
      <c r="K52" s="19">
        <v>495</v>
      </c>
    </row>
    <row r="53" spans="1:11" ht="20.100000000000001" customHeight="1">
      <c r="A53" s="17" t="s">
        <v>103</v>
      </c>
      <c r="B53" s="17"/>
      <c r="C53" s="13">
        <v>19620</v>
      </c>
      <c r="D53" s="14">
        <v>10220</v>
      </c>
      <c r="E53" s="14">
        <v>9400</v>
      </c>
      <c r="F53" s="14"/>
      <c r="G53" s="18" t="s">
        <v>104</v>
      </c>
      <c r="H53" s="17"/>
      <c r="I53" s="13">
        <v>2233</v>
      </c>
      <c r="J53" s="14">
        <v>658</v>
      </c>
      <c r="K53" s="14">
        <v>1575</v>
      </c>
    </row>
    <row r="54" spans="1:11" ht="15" customHeight="1">
      <c r="A54" s="17" t="s">
        <v>105</v>
      </c>
      <c r="B54" s="17"/>
      <c r="C54" s="13">
        <v>3626</v>
      </c>
      <c r="D54" s="19">
        <v>1874</v>
      </c>
      <c r="E54" s="19">
        <v>1752</v>
      </c>
      <c r="F54" s="19"/>
      <c r="G54" s="18" t="s">
        <v>106</v>
      </c>
      <c r="H54" s="17"/>
      <c r="I54" s="13">
        <v>647</v>
      </c>
      <c r="J54" s="19">
        <v>221</v>
      </c>
      <c r="K54" s="19">
        <v>426</v>
      </c>
    </row>
    <row r="55" spans="1:11" ht="15" customHeight="1">
      <c r="A55" s="17" t="s">
        <v>107</v>
      </c>
      <c r="B55" s="17"/>
      <c r="C55" s="13">
        <v>3734</v>
      </c>
      <c r="D55" s="19">
        <v>1950</v>
      </c>
      <c r="E55" s="19">
        <v>1784</v>
      </c>
      <c r="F55" s="19"/>
      <c r="G55" s="18" t="s">
        <v>108</v>
      </c>
      <c r="H55" s="17"/>
      <c r="I55" s="13">
        <v>584</v>
      </c>
      <c r="J55" s="19">
        <v>180</v>
      </c>
      <c r="K55" s="19">
        <v>404</v>
      </c>
    </row>
    <row r="56" spans="1:11" ht="15" customHeight="1">
      <c r="A56" s="17" t="s">
        <v>109</v>
      </c>
      <c r="B56" s="17"/>
      <c r="C56" s="13">
        <v>3948</v>
      </c>
      <c r="D56" s="19">
        <v>2043</v>
      </c>
      <c r="E56" s="19">
        <v>1905</v>
      </c>
      <c r="F56" s="19"/>
      <c r="G56" s="18" t="s">
        <v>110</v>
      </c>
      <c r="H56" s="17"/>
      <c r="I56" s="13">
        <v>393</v>
      </c>
      <c r="J56" s="19">
        <v>103</v>
      </c>
      <c r="K56" s="19">
        <v>290</v>
      </c>
    </row>
    <row r="57" spans="1:11" ht="15" customHeight="1">
      <c r="A57" s="17" t="s">
        <v>111</v>
      </c>
      <c r="B57" s="17"/>
      <c r="C57" s="13">
        <v>4083</v>
      </c>
      <c r="D57" s="19">
        <v>2162</v>
      </c>
      <c r="E57" s="19">
        <v>1921</v>
      </c>
      <c r="F57" s="19"/>
      <c r="G57" s="18" t="s">
        <v>112</v>
      </c>
      <c r="H57" s="17"/>
      <c r="I57" s="13">
        <v>348</v>
      </c>
      <c r="J57" s="19">
        <v>92</v>
      </c>
      <c r="K57" s="19">
        <v>256</v>
      </c>
    </row>
    <row r="58" spans="1:11" ht="15" customHeight="1">
      <c r="A58" s="17" t="s">
        <v>113</v>
      </c>
      <c r="B58" s="17"/>
      <c r="C58" s="13">
        <v>4229</v>
      </c>
      <c r="D58" s="19">
        <v>2191</v>
      </c>
      <c r="E58" s="19">
        <v>2038</v>
      </c>
      <c r="F58" s="19"/>
      <c r="G58" s="18" t="s">
        <v>114</v>
      </c>
      <c r="H58" s="17"/>
      <c r="I58" s="13">
        <v>261</v>
      </c>
      <c r="J58" s="19">
        <v>62</v>
      </c>
      <c r="K58" s="19">
        <v>199</v>
      </c>
    </row>
    <row r="59" spans="1:11" ht="20.100000000000001" customHeight="1">
      <c r="A59" s="17" t="s">
        <v>115</v>
      </c>
      <c r="B59" s="17"/>
      <c r="C59" s="13">
        <v>23567</v>
      </c>
      <c r="D59" s="14">
        <v>12330</v>
      </c>
      <c r="E59" s="14">
        <v>11237</v>
      </c>
      <c r="F59" s="14"/>
      <c r="G59" s="18" t="s">
        <v>116</v>
      </c>
      <c r="H59" s="17"/>
      <c r="I59" s="13">
        <v>585</v>
      </c>
      <c r="J59" s="14">
        <v>99</v>
      </c>
      <c r="K59" s="14">
        <v>486</v>
      </c>
    </row>
    <row r="60" spans="1:11" ht="15" customHeight="1">
      <c r="A60" s="17" t="s">
        <v>117</v>
      </c>
      <c r="B60" s="17"/>
      <c r="C60" s="13">
        <v>4596</v>
      </c>
      <c r="D60" s="19">
        <v>2452</v>
      </c>
      <c r="E60" s="19">
        <v>2144</v>
      </c>
      <c r="F60" s="19"/>
      <c r="G60" s="18" t="s">
        <v>118</v>
      </c>
      <c r="H60" s="17"/>
      <c r="I60" s="13">
        <v>211</v>
      </c>
      <c r="J60" s="19">
        <v>42</v>
      </c>
      <c r="K60" s="19">
        <v>169</v>
      </c>
    </row>
    <row r="61" spans="1:11" ht="15" customHeight="1">
      <c r="A61" s="17" t="s">
        <v>119</v>
      </c>
      <c r="B61" s="17"/>
      <c r="C61" s="13">
        <v>4791</v>
      </c>
      <c r="D61" s="19">
        <v>2473</v>
      </c>
      <c r="E61" s="19">
        <v>2318</v>
      </c>
      <c r="F61" s="19"/>
      <c r="G61" s="18" t="s">
        <v>120</v>
      </c>
      <c r="H61" s="17"/>
      <c r="I61" s="13">
        <v>162</v>
      </c>
      <c r="J61" s="19">
        <v>26</v>
      </c>
      <c r="K61" s="19">
        <v>136</v>
      </c>
    </row>
    <row r="62" spans="1:11" ht="15" customHeight="1">
      <c r="A62" s="17" t="s">
        <v>121</v>
      </c>
      <c r="B62" s="17"/>
      <c r="C62" s="13">
        <v>4740</v>
      </c>
      <c r="D62" s="19">
        <v>2507</v>
      </c>
      <c r="E62" s="19">
        <v>2233</v>
      </c>
      <c r="F62" s="19"/>
      <c r="G62" s="18" t="s">
        <v>122</v>
      </c>
      <c r="H62" s="17"/>
      <c r="I62" s="13">
        <v>98</v>
      </c>
      <c r="J62" s="19">
        <v>21</v>
      </c>
      <c r="K62" s="19">
        <v>77</v>
      </c>
    </row>
    <row r="63" spans="1:11" ht="15" customHeight="1">
      <c r="A63" s="17" t="s">
        <v>123</v>
      </c>
      <c r="B63" s="17"/>
      <c r="C63" s="13">
        <v>4805</v>
      </c>
      <c r="D63" s="19">
        <v>2515</v>
      </c>
      <c r="E63" s="19">
        <v>2290</v>
      </c>
      <c r="F63" s="19"/>
      <c r="G63" s="18" t="s">
        <v>124</v>
      </c>
      <c r="H63" s="17"/>
      <c r="I63" s="13">
        <v>59</v>
      </c>
      <c r="J63" s="19">
        <v>2</v>
      </c>
      <c r="K63" s="19">
        <v>57</v>
      </c>
    </row>
    <row r="64" spans="1:11" ht="15" customHeight="1">
      <c r="A64" s="17" t="s">
        <v>125</v>
      </c>
      <c r="B64" s="17"/>
      <c r="C64" s="13">
        <v>4635</v>
      </c>
      <c r="D64" s="19">
        <v>2383</v>
      </c>
      <c r="E64" s="19">
        <v>2252</v>
      </c>
      <c r="F64" s="19"/>
      <c r="G64" s="18" t="s">
        <v>126</v>
      </c>
      <c r="H64" s="17"/>
      <c r="I64" s="13">
        <v>55</v>
      </c>
      <c r="J64" s="19">
        <v>8</v>
      </c>
      <c r="K64" s="19">
        <v>4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0</v>
      </c>
      <c r="J65" s="19">
        <v>22</v>
      </c>
      <c r="K65" s="19">
        <v>7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07</v>
      </c>
      <c r="J66" s="29">
        <v>1086</v>
      </c>
      <c r="K66" s="29">
        <v>122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5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3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0104</v>
      </c>
      <c r="D4" s="14">
        <v>138937</v>
      </c>
      <c r="E4" s="14">
        <v>14116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034</v>
      </c>
      <c r="D5" s="14">
        <v>5162</v>
      </c>
      <c r="E5" s="14">
        <v>4872</v>
      </c>
      <c r="F5" s="14"/>
      <c r="G5" s="18" t="s">
        <v>8</v>
      </c>
      <c r="H5" s="17"/>
      <c r="I5" s="13">
        <v>21279</v>
      </c>
      <c r="J5" s="14">
        <v>11095</v>
      </c>
      <c r="K5" s="14">
        <v>10184</v>
      </c>
    </row>
    <row r="6" spans="1:11" ht="15" customHeight="1">
      <c r="A6" s="17" t="s">
        <v>9</v>
      </c>
      <c r="B6" s="17"/>
      <c r="C6" s="13">
        <v>1923</v>
      </c>
      <c r="D6" s="19">
        <v>989</v>
      </c>
      <c r="E6" s="19">
        <v>934</v>
      </c>
      <c r="F6" s="19"/>
      <c r="G6" s="18" t="s">
        <v>10</v>
      </c>
      <c r="H6" s="17"/>
      <c r="I6" s="13">
        <v>4540</v>
      </c>
      <c r="J6" s="19">
        <v>2377</v>
      </c>
      <c r="K6" s="19">
        <v>2163</v>
      </c>
    </row>
    <row r="7" spans="1:11" ht="15" customHeight="1">
      <c r="A7" s="17" t="s">
        <v>11</v>
      </c>
      <c r="B7" s="17"/>
      <c r="C7" s="13">
        <v>1988</v>
      </c>
      <c r="D7" s="19">
        <v>1035</v>
      </c>
      <c r="E7" s="19">
        <v>953</v>
      </c>
      <c r="F7" s="19"/>
      <c r="G7" s="18" t="s">
        <v>12</v>
      </c>
      <c r="H7" s="17"/>
      <c r="I7" s="13">
        <v>4439</v>
      </c>
      <c r="J7" s="19">
        <v>2338</v>
      </c>
      <c r="K7" s="19">
        <v>2101</v>
      </c>
    </row>
    <row r="8" spans="1:11" ht="15" customHeight="1">
      <c r="A8" s="17" t="s">
        <v>13</v>
      </c>
      <c r="B8" s="17"/>
      <c r="C8" s="13">
        <v>2046</v>
      </c>
      <c r="D8" s="19">
        <v>1008</v>
      </c>
      <c r="E8" s="19">
        <v>1038</v>
      </c>
      <c r="F8" s="19"/>
      <c r="G8" s="18" t="s">
        <v>14</v>
      </c>
      <c r="H8" s="17"/>
      <c r="I8" s="13">
        <v>4660</v>
      </c>
      <c r="J8" s="19">
        <v>2393</v>
      </c>
      <c r="K8" s="19">
        <v>2267</v>
      </c>
    </row>
    <row r="9" spans="1:11" ht="15" customHeight="1">
      <c r="A9" s="17" t="s">
        <v>15</v>
      </c>
      <c r="B9" s="17"/>
      <c r="C9" s="13">
        <v>2063</v>
      </c>
      <c r="D9" s="19">
        <v>1041</v>
      </c>
      <c r="E9" s="19">
        <v>1022</v>
      </c>
      <c r="F9" s="19"/>
      <c r="G9" s="18" t="s">
        <v>16</v>
      </c>
      <c r="H9" s="17"/>
      <c r="I9" s="13">
        <v>3357</v>
      </c>
      <c r="J9" s="19">
        <v>1734</v>
      </c>
      <c r="K9" s="19">
        <v>1623</v>
      </c>
    </row>
    <row r="10" spans="1:11" ht="15" customHeight="1">
      <c r="A10" s="17" t="s">
        <v>17</v>
      </c>
      <c r="B10" s="17"/>
      <c r="C10" s="13">
        <v>2014</v>
      </c>
      <c r="D10" s="19">
        <v>1089</v>
      </c>
      <c r="E10" s="19">
        <v>925</v>
      </c>
      <c r="F10" s="19"/>
      <c r="G10" s="18" t="s">
        <v>18</v>
      </c>
      <c r="H10" s="17"/>
      <c r="I10" s="13">
        <v>4283</v>
      </c>
      <c r="J10" s="19">
        <v>2253</v>
      </c>
      <c r="K10" s="19">
        <v>2030</v>
      </c>
    </row>
    <row r="11" spans="1:11" ht="20.100000000000001" customHeight="1">
      <c r="A11" s="17" t="s">
        <v>19</v>
      </c>
      <c r="B11" s="17"/>
      <c r="C11" s="13">
        <v>10566</v>
      </c>
      <c r="D11" s="14">
        <v>5402</v>
      </c>
      <c r="E11" s="14">
        <v>5164</v>
      </c>
      <c r="F11" s="14"/>
      <c r="G11" s="18" t="s">
        <v>20</v>
      </c>
      <c r="H11" s="17"/>
      <c r="I11" s="13">
        <v>17185</v>
      </c>
      <c r="J11" s="14">
        <v>8856</v>
      </c>
      <c r="K11" s="14">
        <v>8329</v>
      </c>
    </row>
    <row r="12" spans="1:11" ht="15" customHeight="1">
      <c r="A12" s="17" t="s">
        <v>21</v>
      </c>
      <c r="B12" s="17"/>
      <c r="C12" s="13">
        <v>2084</v>
      </c>
      <c r="D12" s="19">
        <v>1055</v>
      </c>
      <c r="E12" s="19">
        <v>1029</v>
      </c>
      <c r="F12" s="19"/>
      <c r="G12" s="18" t="s">
        <v>22</v>
      </c>
      <c r="H12" s="17"/>
      <c r="I12" s="13">
        <v>3807</v>
      </c>
      <c r="J12" s="19">
        <v>1988</v>
      </c>
      <c r="K12" s="19">
        <v>1819</v>
      </c>
    </row>
    <row r="13" spans="1:11" ht="15" customHeight="1">
      <c r="A13" s="17" t="s">
        <v>23</v>
      </c>
      <c r="B13" s="17"/>
      <c r="C13" s="13">
        <v>2025</v>
      </c>
      <c r="D13" s="19">
        <v>1085</v>
      </c>
      <c r="E13" s="19">
        <v>940</v>
      </c>
      <c r="F13" s="19"/>
      <c r="G13" s="18" t="s">
        <v>24</v>
      </c>
      <c r="H13" s="17"/>
      <c r="I13" s="13">
        <v>3599</v>
      </c>
      <c r="J13" s="19">
        <v>1873</v>
      </c>
      <c r="K13" s="19">
        <v>1726</v>
      </c>
    </row>
    <row r="14" spans="1:11" ht="15" customHeight="1">
      <c r="A14" s="17" t="s">
        <v>25</v>
      </c>
      <c r="B14" s="17"/>
      <c r="C14" s="13">
        <v>2098</v>
      </c>
      <c r="D14" s="19">
        <v>1048</v>
      </c>
      <c r="E14" s="19">
        <v>1050</v>
      </c>
      <c r="F14" s="19"/>
      <c r="G14" s="18" t="s">
        <v>26</v>
      </c>
      <c r="H14" s="17"/>
      <c r="I14" s="13">
        <v>3366</v>
      </c>
      <c r="J14" s="19">
        <v>1698</v>
      </c>
      <c r="K14" s="19">
        <v>1668</v>
      </c>
    </row>
    <row r="15" spans="1:11" ht="15" customHeight="1">
      <c r="A15" s="17" t="s">
        <v>27</v>
      </c>
      <c r="B15" s="17"/>
      <c r="C15" s="13">
        <v>2112</v>
      </c>
      <c r="D15" s="19">
        <v>1077</v>
      </c>
      <c r="E15" s="19">
        <v>1035</v>
      </c>
      <c r="F15" s="19"/>
      <c r="G15" s="18" t="s">
        <v>28</v>
      </c>
      <c r="H15" s="17"/>
      <c r="I15" s="13">
        <v>3189</v>
      </c>
      <c r="J15" s="19">
        <v>1679</v>
      </c>
      <c r="K15" s="19">
        <v>1510</v>
      </c>
    </row>
    <row r="16" spans="1:11" ht="15" customHeight="1">
      <c r="A16" s="17" t="s">
        <v>29</v>
      </c>
      <c r="B16" s="17"/>
      <c r="C16" s="13">
        <v>2247</v>
      </c>
      <c r="D16" s="19">
        <v>1137</v>
      </c>
      <c r="E16" s="19">
        <v>1110</v>
      </c>
      <c r="F16" s="19"/>
      <c r="G16" s="18" t="s">
        <v>30</v>
      </c>
      <c r="H16" s="17"/>
      <c r="I16" s="13">
        <v>3224</v>
      </c>
      <c r="J16" s="19">
        <v>1618</v>
      </c>
      <c r="K16" s="19">
        <v>1606</v>
      </c>
    </row>
    <row r="17" spans="1:11" ht="20.100000000000001" customHeight="1">
      <c r="A17" s="20" t="s">
        <v>31</v>
      </c>
      <c r="B17" s="20"/>
      <c r="C17" s="13">
        <v>11051</v>
      </c>
      <c r="D17" s="14">
        <v>5693</v>
      </c>
      <c r="E17" s="14">
        <v>5358</v>
      </c>
      <c r="F17" s="14"/>
      <c r="G17" s="18" t="s">
        <v>32</v>
      </c>
      <c r="H17" s="17"/>
      <c r="I17" s="13">
        <v>14246</v>
      </c>
      <c r="J17" s="14">
        <v>7258</v>
      </c>
      <c r="K17" s="14">
        <v>6988</v>
      </c>
    </row>
    <row r="18" spans="1:11" ht="15" customHeight="1">
      <c r="A18" s="17" t="s">
        <v>33</v>
      </c>
      <c r="B18" s="17"/>
      <c r="C18" s="13">
        <v>2248</v>
      </c>
      <c r="D18" s="19">
        <v>1139</v>
      </c>
      <c r="E18" s="19">
        <v>1109</v>
      </c>
      <c r="F18" s="19">
        <v>1109</v>
      </c>
      <c r="G18" s="18" t="s">
        <v>34</v>
      </c>
      <c r="H18" s="17"/>
      <c r="I18" s="13">
        <v>3010</v>
      </c>
      <c r="J18" s="19">
        <v>1590</v>
      </c>
      <c r="K18" s="19">
        <v>1420</v>
      </c>
    </row>
    <row r="19" spans="1:11" ht="15" customHeight="1">
      <c r="A19" s="17" t="s">
        <v>35</v>
      </c>
      <c r="B19" s="17"/>
      <c r="C19" s="13">
        <v>2206</v>
      </c>
      <c r="D19" s="19">
        <v>1148</v>
      </c>
      <c r="E19" s="19">
        <v>1058</v>
      </c>
      <c r="F19" s="19">
        <v>1058</v>
      </c>
      <c r="G19" s="18" t="s">
        <v>36</v>
      </c>
      <c r="H19" s="17"/>
      <c r="I19" s="13">
        <v>2925</v>
      </c>
      <c r="J19" s="19">
        <v>1488</v>
      </c>
      <c r="K19" s="19">
        <v>1437</v>
      </c>
    </row>
    <row r="20" spans="1:11" ht="15" customHeight="1">
      <c r="A20" s="17" t="s">
        <v>37</v>
      </c>
      <c r="B20" s="17"/>
      <c r="C20" s="13">
        <v>2261</v>
      </c>
      <c r="D20" s="19">
        <v>1215</v>
      </c>
      <c r="E20" s="19">
        <v>1046</v>
      </c>
      <c r="F20" s="19">
        <v>1046</v>
      </c>
      <c r="G20" s="18" t="s">
        <v>38</v>
      </c>
      <c r="H20" s="17"/>
      <c r="I20" s="13">
        <v>2685</v>
      </c>
      <c r="J20" s="19">
        <v>1325</v>
      </c>
      <c r="K20" s="19">
        <v>1360</v>
      </c>
    </row>
    <row r="21" spans="1:11" ht="15" customHeight="1">
      <c r="A21" s="17" t="s">
        <v>39</v>
      </c>
      <c r="B21" s="17"/>
      <c r="C21" s="13">
        <v>2219</v>
      </c>
      <c r="D21" s="19">
        <v>1112</v>
      </c>
      <c r="E21" s="19">
        <v>1107</v>
      </c>
      <c r="F21" s="19">
        <v>1107</v>
      </c>
      <c r="G21" s="18" t="s">
        <v>40</v>
      </c>
      <c r="H21" s="17"/>
      <c r="I21" s="13">
        <v>2790</v>
      </c>
      <c r="J21" s="19">
        <v>1393</v>
      </c>
      <c r="K21" s="19">
        <v>1397</v>
      </c>
    </row>
    <row r="22" spans="1:11" ht="15" customHeight="1">
      <c r="A22" s="17" t="s">
        <v>41</v>
      </c>
      <c r="B22" s="17"/>
      <c r="C22" s="13">
        <v>2117</v>
      </c>
      <c r="D22" s="19">
        <v>1079</v>
      </c>
      <c r="E22" s="19">
        <v>1038</v>
      </c>
      <c r="F22" s="19">
        <v>1038</v>
      </c>
      <c r="G22" s="18" t="s">
        <v>42</v>
      </c>
      <c r="H22" s="17"/>
      <c r="I22" s="13">
        <v>2836</v>
      </c>
      <c r="J22" s="19">
        <v>1462</v>
      </c>
      <c r="K22" s="19">
        <v>1374</v>
      </c>
    </row>
    <row r="23" spans="1:11" ht="20.100000000000001" customHeight="1">
      <c r="A23" s="17" t="s">
        <v>43</v>
      </c>
      <c r="B23" s="17"/>
      <c r="C23" s="13">
        <v>11644</v>
      </c>
      <c r="D23" s="14">
        <v>5855</v>
      </c>
      <c r="E23" s="14">
        <v>5789</v>
      </c>
      <c r="F23" s="14"/>
      <c r="G23" s="18" t="s">
        <v>44</v>
      </c>
      <c r="H23" s="17"/>
      <c r="I23" s="13">
        <v>16071</v>
      </c>
      <c r="J23" s="14">
        <v>7654</v>
      </c>
      <c r="K23" s="14">
        <v>8417</v>
      </c>
    </row>
    <row r="24" spans="1:11" ht="15" customHeight="1">
      <c r="A24" s="17" t="s">
        <v>45</v>
      </c>
      <c r="B24" s="17"/>
      <c r="C24" s="13">
        <v>2121</v>
      </c>
      <c r="D24" s="19">
        <v>1074</v>
      </c>
      <c r="E24" s="19">
        <v>1047</v>
      </c>
      <c r="F24" s="19"/>
      <c r="G24" s="18" t="s">
        <v>46</v>
      </c>
      <c r="H24" s="17"/>
      <c r="I24" s="13">
        <v>2943</v>
      </c>
      <c r="J24" s="19">
        <v>1422</v>
      </c>
      <c r="K24" s="19">
        <v>1521</v>
      </c>
    </row>
    <row r="25" spans="1:11" ht="15" customHeight="1">
      <c r="A25" s="17" t="s">
        <v>47</v>
      </c>
      <c r="B25" s="17"/>
      <c r="C25" s="13">
        <v>2268</v>
      </c>
      <c r="D25" s="19">
        <v>1187</v>
      </c>
      <c r="E25" s="19">
        <v>1081</v>
      </c>
      <c r="F25" s="19"/>
      <c r="G25" s="18" t="s">
        <v>48</v>
      </c>
      <c r="H25" s="17"/>
      <c r="I25" s="13">
        <v>2888</v>
      </c>
      <c r="J25" s="19">
        <v>1408</v>
      </c>
      <c r="K25" s="19">
        <v>1480</v>
      </c>
    </row>
    <row r="26" spans="1:11" ht="15" customHeight="1">
      <c r="A26" s="17" t="s">
        <v>49</v>
      </c>
      <c r="B26" s="17"/>
      <c r="C26" s="13">
        <v>2220</v>
      </c>
      <c r="D26" s="19">
        <v>1114</v>
      </c>
      <c r="E26" s="19">
        <v>1106</v>
      </c>
      <c r="F26" s="19"/>
      <c r="G26" s="18" t="s">
        <v>50</v>
      </c>
      <c r="H26" s="17"/>
      <c r="I26" s="13">
        <v>3209</v>
      </c>
      <c r="J26" s="19">
        <v>1525</v>
      </c>
      <c r="K26" s="19">
        <v>1684</v>
      </c>
    </row>
    <row r="27" spans="1:11" ht="15" customHeight="1">
      <c r="A27" s="17" t="s">
        <v>51</v>
      </c>
      <c r="B27" s="17"/>
      <c r="C27" s="13">
        <v>2433</v>
      </c>
      <c r="D27" s="19">
        <v>1241</v>
      </c>
      <c r="E27" s="19">
        <v>1192</v>
      </c>
      <c r="F27" s="19"/>
      <c r="G27" s="18" t="s">
        <v>52</v>
      </c>
      <c r="H27" s="17"/>
      <c r="I27" s="13">
        <v>3430</v>
      </c>
      <c r="J27" s="19">
        <v>1621</v>
      </c>
      <c r="K27" s="19">
        <v>1809</v>
      </c>
    </row>
    <row r="28" spans="1:11" ht="15" customHeight="1">
      <c r="A28" s="17" t="s">
        <v>53</v>
      </c>
      <c r="B28" s="17"/>
      <c r="C28" s="13">
        <v>2602</v>
      </c>
      <c r="D28" s="19">
        <v>1239</v>
      </c>
      <c r="E28" s="19">
        <v>1363</v>
      </c>
      <c r="F28" s="19"/>
      <c r="G28" s="18" t="s">
        <v>54</v>
      </c>
      <c r="H28" s="17"/>
      <c r="I28" s="13">
        <v>3601</v>
      </c>
      <c r="J28" s="19">
        <v>1678</v>
      </c>
      <c r="K28" s="19">
        <v>1923</v>
      </c>
    </row>
    <row r="29" spans="1:11" ht="20.100000000000001" customHeight="1">
      <c r="A29" s="17" t="s">
        <v>55</v>
      </c>
      <c r="B29" s="17"/>
      <c r="C29" s="13">
        <v>16336</v>
      </c>
      <c r="D29" s="14">
        <v>7989</v>
      </c>
      <c r="E29" s="14">
        <v>8347</v>
      </c>
      <c r="F29" s="14"/>
      <c r="G29" s="18" t="s">
        <v>56</v>
      </c>
      <c r="H29" s="17"/>
      <c r="I29" s="13">
        <v>17873</v>
      </c>
      <c r="J29" s="14">
        <v>8180</v>
      </c>
      <c r="K29" s="14">
        <v>9693</v>
      </c>
    </row>
    <row r="30" spans="1:11" ht="15" customHeight="1">
      <c r="A30" s="17" t="s">
        <v>57</v>
      </c>
      <c r="B30" s="17"/>
      <c r="C30" s="13">
        <v>2790</v>
      </c>
      <c r="D30" s="19">
        <v>1396</v>
      </c>
      <c r="E30" s="19">
        <v>1394</v>
      </c>
      <c r="F30" s="19"/>
      <c r="G30" s="18" t="s">
        <v>58</v>
      </c>
      <c r="H30" s="17"/>
      <c r="I30" s="13">
        <v>4188</v>
      </c>
      <c r="J30" s="19">
        <v>1983</v>
      </c>
      <c r="K30" s="19">
        <v>2205</v>
      </c>
    </row>
    <row r="31" spans="1:11" ht="15" customHeight="1">
      <c r="A31" s="17" t="s">
        <v>59</v>
      </c>
      <c r="B31" s="17"/>
      <c r="C31" s="13">
        <v>2954</v>
      </c>
      <c r="D31" s="19">
        <v>1460</v>
      </c>
      <c r="E31" s="19">
        <v>1494</v>
      </c>
      <c r="F31" s="19"/>
      <c r="G31" s="18" t="s">
        <v>60</v>
      </c>
      <c r="H31" s="17"/>
      <c r="I31" s="13">
        <v>4076</v>
      </c>
      <c r="J31" s="19">
        <v>1865</v>
      </c>
      <c r="K31" s="19">
        <v>2211</v>
      </c>
    </row>
    <row r="32" spans="1:11" ht="15" customHeight="1">
      <c r="A32" s="17" t="s">
        <v>61</v>
      </c>
      <c r="B32" s="17"/>
      <c r="C32" s="13">
        <v>3155</v>
      </c>
      <c r="D32" s="19">
        <v>1600</v>
      </c>
      <c r="E32" s="19">
        <v>1555</v>
      </c>
      <c r="F32" s="19"/>
      <c r="G32" s="18" t="s">
        <v>62</v>
      </c>
      <c r="H32" s="17"/>
      <c r="I32" s="13">
        <v>4107</v>
      </c>
      <c r="J32" s="19">
        <v>1863</v>
      </c>
      <c r="K32" s="19">
        <v>2244</v>
      </c>
    </row>
    <row r="33" spans="1:11" ht="15" customHeight="1">
      <c r="A33" s="17" t="s">
        <v>63</v>
      </c>
      <c r="B33" s="17"/>
      <c r="C33" s="13">
        <v>3739</v>
      </c>
      <c r="D33" s="19">
        <v>1793</v>
      </c>
      <c r="E33" s="19">
        <v>1946</v>
      </c>
      <c r="F33" s="19"/>
      <c r="G33" s="18" t="s">
        <v>64</v>
      </c>
      <c r="H33" s="17"/>
      <c r="I33" s="13">
        <v>2821</v>
      </c>
      <c r="J33" s="19">
        <v>1254</v>
      </c>
      <c r="K33" s="19">
        <v>1567</v>
      </c>
    </row>
    <row r="34" spans="1:11" ht="15" customHeight="1">
      <c r="A34" s="17" t="s">
        <v>65</v>
      </c>
      <c r="B34" s="17"/>
      <c r="C34" s="13">
        <v>3698</v>
      </c>
      <c r="D34" s="19">
        <v>1740</v>
      </c>
      <c r="E34" s="19">
        <v>1958</v>
      </c>
      <c r="F34" s="19"/>
      <c r="G34" s="18" t="s">
        <v>66</v>
      </c>
      <c r="H34" s="17"/>
      <c r="I34" s="13">
        <v>2681</v>
      </c>
      <c r="J34" s="19">
        <v>1215</v>
      </c>
      <c r="K34" s="19">
        <v>1466</v>
      </c>
    </row>
    <row r="35" spans="1:11" ht="20.100000000000001" customHeight="1">
      <c r="A35" s="17" t="s">
        <v>67</v>
      </c>
      <c r="B35" s="17"/>
      <c r="C35" s="13">
        <v>16751</v>
      </c>
      <c r="D35" s="14">
        <v>8495</v>
      </c>
      <c r="E35" s="14">
        <v>8256</v>
      </c>
      <c r="F35" s="14"/>
      <c r="G35" s="18" t="s">
        <v>68</v>
      </c>
      <c r="H35" s="17"/>
      <c r="I35" s="13">
        <v>16914</v>
      </c>
      <c r="J35" s="14">
        <v>7653</v>
      </c>
      <c r="K35" s="14">
        <v>9261</v>
      </c>
    </row>
    <row r="36" spans="1:11" ht="15" customHeight="1">
      <c r="A36" s="17" t="s">
        <v>69</v>
      </c>
      <c r="B36" s="17"/>
      <c r="C36" s="13">
        <v>3719</v>
      </c>
      <c r="D36" s="19">
        <v>1793</v>
      </c>
      <c r="E36" s="19">
        <v>1926</v>
      </c>
      <c r="F36" s="19"/>
      <c r="G36" s="18" t="s">
        <v>70</v>
      </c>
      <c r="H36" s="17"/>
      <c r="I36" s="13">
        <v>3452</v>
      </c>
      <c r="J36" s="19">
        <v>1563</v>
      </c>
      <c r="K36" s="19">
        <v>1889</v>
      </c>
    </row>
    <row r="37" spans="1:11" ht="15" customHeight="1">
      <c r="A37" s="17" t="s">
        <v>71</v>
      </c>
      <c r="B37" s="17"/>
      <c r="C37" s="13">
        <v>3621</v>
      </c>
      <c r="D37" s="19">
        <v>1788</v>
      </c>
      <c r="E37" s="19">
        <v>1833</v>
      </c>
      <c r="F37" s="19"/>
      <c r="G37" s="18" t="s">
        <v>72</v>
      </c>
      <c r="H37" s="17"/>
      <c r="I37" s="13">
        <v>3546</v>
      </c>
      <c r="J37" s="19">
        <v>1579</v>
      </c>
      <c r="K37" s="19">
        <v>1967</v>
      </c>
    </row>
    <row r="38" spans="1:11" ht="15" customHeight="1">
      <c r="A38" s="17" t="s">
        <v>73</v>
      </c>
      <c r="B38" s="17"/>
      <c r="C38" s="13">
        <v>3359</v>
      </c>
      <c r="D38" s="19">
        <v>1783</v>
      </c>
      <c r="E38" s="19">
        <v>1576</v>
      </c>
      <c r="F38" s="19"/>
      <c r="G38" s="18" t="s">
        <v>74</v>
      </c>
      <c r="H38" s="17"/>
      <c r="I38" s="13">
        <v>3429</v>
      </c>
      <c r="J38" s="19">
        <v>1585</v>
      </c>
      <c r="K38" s="19">
        <v>1844</v>
      </c>
    </row>
    <row r="39" spans="1:11" ht="15" customHeight="1">
      <c r="A39" s="17" t="s">
        <v>75</v>
      </c>
      <c r="B39" s="17"/>
      <c r="C39" s="13">
        <v>3050</v>
      </c>
      <c r="D39" s="19">
        <v>1576</v>
      </c>
      <c r="E39" s="19">
        <v>1474</v>
      </c>
      <c r="F39" s="19"/>
      <c r="G39" s="18" t="s">
        <v>76</v>
      </c>
      <c r="H39" s="17"/>
      <c r="I39" s="13">
        <v>3455</v>
      </c>
      <c r="J39" s="19">
        <v>1540</v>
      </c>
      <c r="K39" s="19">
        <v>1915</v>
      </c>
    </row>
    <row r="40" spans="1:11" ht="15" customHeight="1">
      <c r="A40" s="17" t="s">
        <v>77</v>
      </c>
      <c r="B40" s="17"/>
      <c r="C40" s="13">
        <v>3002</v>
      </c>
      <c r="D40" s="19">
        <v>1555</v>
      </c>
      <c r="E40" s="19">
        <v>1447</v>
      </c>
      <c r="F40" s="19"/>
      <c r="G40" s="18" t="s">
        <v>78</v>
      </c>
      <c r="H40" s="17"/>
      <c r="I40" s="13">
        <v>3032</v>
      </c>
      <c r="J40" s="19">
        <v>1386</v>
      </c>
      <c r="K40" s="19">
        <v>1646</v>
      </c>
    </row>
    <row r="41" spans="1:11" ht="20.100000000000001" customHeight="1">
      <c r="A41" s="17" t="s">
        <v>79</v>
      </c>
      <c r="B41" s="17"/>
      <c r="C41" s="13">
        <v>15385</v>
      </c>
      <c r="D41" s="14">
        <v>8036</v>
      </c>
      <c r="E41" s="14">
        <v>7349</v>
      </c>
      <c r="F41" s="14"/>
      <c r="G41" s="18" t="s">
        <v>80</v>
      </c>
      <c r="H41" s="17"/>
      <c r="I41" s="13">
        <v>11515</v>
      </c>
      <c r="J41" s="14">
        <v>5220</v>
      </c>
      <c r="K41" s="14">
        <v>6295</v>
      </c>
    </row>
    <row r="42" spans="1:11" ht="15" customHeight="1">
      <c r="A42" s="17" t="s">
        <v>81</v>
      </c>
      <c r="B42" s="17"/>
      <c r="C42" s="13">
        <v>2968</v>
      </c>
      <c r="D42" s="19">
        <v>1560</v>
      </c>
      <c r="E42" s="19">
        <v>1408</v>
      </c>
      <c r="F42" s="19"/>
      <c r="G42" s="18" t="s">
        <v>82</v>
      </c>
      <c r="H42" s="17"/>
      <c r="I42" s="13">
        <v>2501</v>
      </c>
      <c r="J42" s="19">
        <v>1137</v>
      </c>
      <c r="K42" s="19">
        <v>1364</v>
      </c>
    </row>
    <row r="43" spans="1:11" ht="15" customHeight="1">
      <c r="A43" s="17" t="s">
        <v>83</v>
      </c>
      <c r="B43" s="17"/>
      <c r="C43" s="13">
        <v>3134</v>
      </c>
      <c r="D43" s="19">
        <v>1600</v>
      </c>
      <c r="E43" s="19">
        <v>1534</v>
      </c>
      <c r="F43" s="19"/>
      <c r="G43" s="18" t="s">
        <v>84</v>
      </c>
      <c r="H43" s="17"/>
      <c r="I43" s="13">
        <v>2426</v>
      </c>
      <c r="J43" s="19">
        <v>1150</v>
      </c>
      <c r="K43" s="19">
        <v>1276</v>
      </c>
    </row>
    <row r="44" spans="1:11" ht="15" customHeight="1">
      <c r="A44" s="17" t="s">
        <v>85</v>
      </c>
      <c r="B44" s="17"/>
      <c r="C44" s="13">
        <v>3087</v>
      </c>
      <c r="D44" s="19">
        <v>1636</v>
      </c>
      <c r="E44" s="19">
        <v>1451</v>
      </c>
      <c r="F44" s="19"/>
      <c r="G44" s="18" t="s">
        <v>86</v>
      </c>
      <c r="H44" s="17"/>
      <c r="I44" s="13">
        <v>2482</v>
      </c>
      <c r="J44" s="19">
        <v>1144</v>
      </c>
      <c r="K44" s="19">
        <v>1338</v>
      </c>
    </row>
    <row r="45" spans="1:11" ht="15" customHeight="1">
      <c r="A45" s="17" t="s">
        <v>87</v>
      </c>
      <c r="B45" s="17"/>
      <c r="C45" s="13">
        <v>2995</v>
      </c>
      <c r="D45" s="19">
        <v>1554</v>
      </c>
      <c r="E45" s="19">
        <v>1441</v>
      </c>
      <c r="F45" s="19"/>
      <c r="G45" s="18" t="s">
        <v>88</v>
      </c>
      <c r="H45" s="17"/>
      <c r="I45" s="13">
        <v>2186</v>
      </c>
      <c r="J45" s="19">
        <v>933</v>
      </c>
      <c r="K45" s="19">
        <v>1253</v>
      </c>
    </row>
    <row r="46" spans="1:11" ht="15" customHeight="1">
      <c r="A46" s="17" t="s">
        <v>89</v>
      </c>
      <c r="B46" s="17"/>
      <c r="C46" s="13">
        <v>3201</v>
      </c>
      <c r="D46" s="19">
        <v>1686</v>
      </c>
      <c r="E46" s="19">
        <v>1515</v>
      </c>
      <c r="F46" s="19"/>
      <c r="G46" s="18" t="s">
        <v>90</v>
      </c>
      <c r="H46" s="17"/>
      <c r="I46" s="13">
        <v>1920</v>
      </c>
      <c r="J46" s="19">
        <v>856</v>
      </c>
      <c r="K46" s="19">
        <v>1064</v>
      </c>
    </row>
    <row r="47" spans="1:11" ht="20.100000000000001" customHeight="1">
      <c r="A47" s="17" t="s">
        <v>91</v>
      </c>
      <c r="B47" s="17"/>
      <c r="C47" s="13">
        <v>17151</v>
      </c>
      <c r="D47" s="14">
        <v>8945</v>
      </c>
      <c r="E47" s="14">
        <v>8206</v>
      </c>
      <c r="F47" s="14"/>
      <c r="G47" s="18" t="s">
        <v>92</v>
      </c>
      <c r="H47" s="17"/>
      <c r="I47" s="13">
        <v>6574</v>
      </c>
      <c r="J47" s="14">
        <v>2604</v>
      </c>
      <c r="K47" s="14">
        <v>3970</v>
      </c>
    </row>
    <row r="48" spans="1:11" ht="15" customHeight="1">
      <c r="A48" s="17" t="s">
        <v>93</v>
      </c>
      <c r="B48" s="17"/>
      <c r="C48" s="13">
        <v>3279</v>
      </c>
      <c r="D48" s="19">
        <v>1687</v>
      </c>
      <c r="E48" s="19">
        <v>1592</v>
      </c>
      <c r="F48" s="19"/>
      <c r="G48" s="18" t="s">
        <v>94</v>
      </c>
      <c r="H48" s="17"/>
      <c r="I48" s="13">
        <v>1624</v>
      </c>
      <c r="J48" s="19">
        <v>676</v>
      </c>
      <c r="K48" s="19">
        <v>948</v>
      </c>
    </row>
    <row r="49" spans="1:11" ht="15" customHeight="1">
      <c r="A49" s="17" t="s">
        <v>95</v>
      </c>
      <c r="B49" s="17"/>
      <c r="C49" s="13">
        <v>3455</v>
      </c>
      <c r="D49" s="19">
        <v>1835</v>
      </c>
      <c r="E49" s="19">
        <v>1620</v>
      </c>
      <c r="F49" s="19"/>
      <c r="G49" s="18" t="s">
        <v>96</v>
      </c>
      <c r="H49" s="17"/>
      <c r="I49" s="13">
        <v>1501</v>
      </c>
      <c r="J49" s="19">
        <v>597</v>
      </c>
      <c r="K49" s="19">
        <v>904</v>
      </c>
    </row>
    <row r="50" spans="1:11" ht="15" customHeight="1">
      <c r="A50" s="17" t="s">
        <v>97</v>
      </c>
      <c r="B50" s="17"/>
      <c r="C50" s="13">
        <v>3408</v>
      </c>
      <c r="D50" s="19">
        <v>1760</v>
      </c>
      <c r="E50" s="19">
        <v>1648</v>
      </c>
      <c r="F50" s="19"/>
      <c r="G50" s="18" t="s">
        <v>98</v>
      </c>
      <c r="H50" s="17"/>
      <c r="I50" s="13">
        <v>1361</v>
      </c>
      <c r="J50" s="19">
        <v>533</v>
      </c>
      <c r="K50" s="19">
        <v>828</v>
      </c>
    </row>
    <row r="51" spans="1:11" ht="15" customHeight="1">
      <c r="A51" s="17" t="s">
        <v>99</v>
      </c>
      <c r="B51" s="17"/>
      <c r="C51" s="13">
        <v>3479</v>
      </c>
      <c r="D51" s="19">
        <v>1825</v>
      </c>
      <c r="E51" s="19">
        <v>1654</v>
      </c>
      <c r="F51" s="19"/>
      <c r="G51" s="18" t="s">
        <v>100</v>
      </c>
      <c r="H51" s="17"/>
      <c r="I51" s="13">
        <v>1072</v>
      </c>
      <c r="J51" s="19">
        <v>423</v>
      </c>
      <c r="K51" s="19">
        <v>649</v>
      </c>
    </row>
    <row r="52" spans="1:11" ht="15" customHeight="1">
      <c r="A52" s="17" t="s">
        <v>101</v>
      </c>
      <c r="B52" s="17"/>
      <c r="C52" s="13">
        <v>3530</v>
      </c>
      <c r="D52" s="19">
        <v>1838</v>
      </c>
      <c r="E52" s="19">
        <v>1692</v>
      </c>
      <c r="F52" s="19"/>
      <c r="G52" s="18" t="s">
        <v>102</v>
      </c>
      <c r="H52" s="17"/>
      <c r="I52" s="13">
        <v>1016</v>
      </c>
      <c r="J52" s="19">
        <v>375</v>
      </c>
      <c r="K52" s="19">
        <v>641</v>
      </c>
    </row>
    <row r="53" spans="1:11" ht="20.100000000000001" customHeight="1">
      <c r="A53" s="17" t="s">
        <v>103</v>
      </c>
      <c r="B53" s="17"/>
      <c r="C53" s="13">
        <v>19634</v>
      </c>
      <c r="D53" s="14">
        <v>10198</v>
      </c>
      <c r="E53" s="14">
        <v>9436</v>
      </c>
      <c r="F53" s="14"/>
      <c r="G53" s="18" t="s">
        <v>104</v>
      </c>
      <c r="H53" s="17"/>
      <c r="I53" s="13">
        <v>2879</v>
      </c>
      <c r="J53" s="14">
        <v>872</v>
      </c>
      <c r="K53" s="14">
        <v>2007</v>
      </c>
    </row>
    <row r="54" spans="1:11" ht="15" customHeight="1">
      <c r="A54" s="17" t="s">
        <v>105</v>
      </c>
      <c r="B54" s="17"/>
      <c r="C54" s="13">
        <v>3657</v>
      </c>
      <c r="D54" s="19">
        <v>1950</v>
      </c>
      <c r="E54" s="19">
        <v>1707</v>
      </c>
      <c r="F54" s="19"/>
      <c r="G54" s="18" t="s">
        <v>106</v>
      </c>
      <c r="H54" s="17"/>
      <c r="I54" s="13">
        <v>797</v>
      </c>
      <c r="J54" s="19">
        <v>261</v>
      </c>
      <c r="K54" s="19">
        <v>536</v>
      </c>
    </row>
    <row r="55" spans="1:11" ht="15" customHeight="1">
      <c r="A55" s="17" t="s">
        <v>107</v>
      </c>
      <c r="B55" s="17"/>
      <c r="C55" s="13">
        <v>3834</v>
      </c>
      <c r="D55" s="19">
        <v>1973</v>
      </c>
      <c r="E55" s="19">
        <v>1861</v>
      </c>
      <c r="F55" s="19"/>
      <c r="G55" s="18" t="s">
        <v>108</v>
      </c>
      <c r="H55" s="17"/>
      <c r="I55" s="13">
        <v>686</v>
      </c>
      <c r="J55" s="19">
        <v>214</v>
      </c>
      <c r="K55" s="19">
        <v>472</v>
      </c>
    </row>
    <row r="56" spans="1:11" ht="15" customHeight="1">
      <c r="A56" s="17" t="s">
        <v>109</v>
      </c>
      <c r="B56" s="17"/>
      <c r="C56" s="13">
        <v>3895</v>
      </c>
      <c r="D56" s="19">
        <v>2020</v>
      </c>
      <c r="E56" s="19">
        <v>1875</v>
      </c>
      <c r="F56" s="19"/>
      <c r="G56" s="18" t="s">
        <v>110</v>
      </c>
      <c r="H56" s="17"/>
      <c r="I56" s="13">
        <v>551</v>
      </c>
      <c r="J56" s="19">
        <v>177</v>
      </c>
      <c r="K56" s="19">
        <v>374</v>
      </c>
    </row>
    <row r="57" spans="1:11" ht="15" customHeight="1">
      <c r="A57" s="17" t="s">
        <v>111</v>
      </c>
      <c r="B57" s="17"/>
      <c r="C57" s="13">
        <v>4039</v>
      </c>
      <c r="D57" s="19">
        <v>2100</v>
      </c>
      <c r="E57" s="19">
        <v>1939</v>
      </c>
      <c r="F57" s="19"/>
      <c r="G57" s="18" t="s">
        <v>112</v>
      </c>
      <c r="H57" s="17"/>
      <c r="I57" s="13">
        <v>488</v>
      </c>
      <c r="J57" s="19">
        <v>129</v>
      </c>
      <c r="K57" s="19">
        <v>359</v>
      </c>
    </row>
    <row r="58" spans="1:11" ht="15" customHeight="1">
      <c r="A58" s="17" t="s">
        <v>113</v>
      </c>
      <c r="B58" s="17"/>
      <c r="C58" s="13">
        <v>4209</v>
      </c>
      <c r="D58" s="19">
        <v>2155</v>
      </c>
      <c r="E58" s="19">
        <v>2054</v>
      </c>
      <c r="F58" s="19"/>
      <c r="G58" s="18" t="s">
        <v>114</v>
      </c>
      <c r="H58" s="17"/>
      <c r="I58" s="13">
        <v>357</v>
      </c>
      <c r="J58" s="19">
        <v>91</v>
      </c>
      <c r="K58" s="19">
        <v>266</v>
      </c>
    </row>
    <row r="59" spans="1:11" ht="20.100000000000001" customHeight="1">
      <c r="A59" s="17" t="s">
        <v>115</v>
      </c>
      <c r="B59" s="17"/>
      <c r="C59" s="13">
        <v>23418</v>
      </c>
      <c r="D59" s="14">
        <v>12027</v>
      </c>
      <c r="E59" s="14">
        <v>11391</v>
      </c>
      <c r="F59" s="14"/>
      <c r="G59" s="18" t="s">
        <v>116</v>
      </c>
      <c r="H59" s="17"/>
      <c r="I59" s="13">
        <v>855</v>
      </c>
      <c r="J59" s="14">
        <v>166</v>
      </c>
      <c r="K59" s="14">
        <v>689</v>
      </c>
    </row>
    <row r="60" spans="1:11" ht="15" customHeight="1">
      <c r="A60" s="17" t="s">
        <v>117</v>
      </c>
      <c r="B60" s="17"/>
      <c r="C60" s="13">
        <v>4534</v>
      </c>
      <c r="D60" s="19">
        <v>2372</v>
      </c>
      <c r="E60" s="19">
        <v>2162</v>
      </c>
      <c r="F60" s="19"/>
      <c r="G60" s="18" t="s">
        <v>118</v>
      </c>
      <c r="H60" s="17"/>
      <c r="I60" s="13">
        <v>275</v>
      </c>
      <c r="J60" s="19">
        <v>64</v>
      </c>
      <c r="K60" s="19">
        <v>211</v>
      </c>
    </row>
    <row r="61" spans="1:11" ht="15" customHeight="1">
      <c r="A61" s="17" t="s">
        <v>119</v>
      </c>
      <c r="B61" s="17"/>
      <c r="C61" s="13">
        <v>4727</v>
      </c>
      <c r="D61" s="19">
        <v>2424</v>
      </c>
      <c r="E61" s="19">
        <v>2303</v>
      </c>
      <c r="F61" s="19"/>
      <c r="G61" s="18" t="s">
        <v>120</v>
      </c>
      <c r="H61" s="17"/>
      <c r="I61" s="13">
        <v>241</v>
      </c>
      <c r="J61" s="19">
        <v>55</v>
      </c>
      <c r="K61" s="19">
        <v>186</v>
      </c>
    </row>
    <row r="62" spans="1:11" ht="15" customHeight="1">
      <c r="A62" s="17" t="s">
        <v>121</v>
      </c>
      <c r="B62" s="17"/>
      <c r="C62" s="13">
        <v>4748</v>
      </c>
      <c r="D62" s="19">
        <v>2421</v>
      </c>
      <c r="E62" s="19">
        <v>2327</v>
      </c>
      <c r="F62" s="19"/>
      <c r="G62" s="18" t="s">
        <v>122</v>
      </c>
      <c r="H62" s="17"/>
      <c r="I62" s="13">
        <v>122</v>
      </c>
      <c r="J62" s="19">
        <v>16</v>
      </c>
      <c r="K62" s="19">
        <v>106</v>
      </c>
    </row>
    <row r="63" spans="1:11" ht="15" customHeight="1">
      <c r="A63" s="17" t="s">
        <v>123</v>
      </c>
      <c r="B63" s="17"/>
      <c r="C63" s="13">
        <v>4748</v>
      </c>
      <c r="D63" s="19">
        <v>2420</v>
      </c>
      <c r="E63" s="19">
        <v>2328</v>
      </c>
      <c r="F63" s="19"/>
      <c r="G63" s="18" t="s">
        <v>124</v>
      </c>
      <c r="H63" s="17"/>
      <c r="I63" s="13">
        <v>129</v>
      </c>
      <c r="J63" s="19">
        <v>18</v>
      </c>
      <c r="K63" s="19">
        <v>111</v>
      </c>
    </row>
    <row r="64" spans="1:11" ht="15" customHeight="1">
      <c r="A64" s="17" t="s">
        <v>125</v>
      </c>
      <c r="B64" s="17"/>
      <c r="C64" s="13">
        <v>4661</v>
      </c>
      <c r="D64" s="19">
        <v>2390</v>
      </c>
      <c r="E64" s="19">
        <v>2271</v>
      </c>
      <c r="F64" s="19"/>
      <c r="G64" s="18" t="s">
        <v>126</v>
      </c>
      <c r="H64" s="17"/>
      <c r="I64" s="13">
        <v>88</v>
      </c>
      <c r="J64" s="19">
        <v>13</v>
      </c>
      <c r="K64" s="19">
        <v>7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88</v>
      </c>
      <c r="J65" s="19">
        <v>23</v>
      </c>
      <c r="K65" s="19">
        <v>16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555</v>
      </c>
      <c r="J66" s="29">
        <v>1554</v>
      </c>
      <c r="K66" s="29">
        <v>100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7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5036</v>
      </c>
      <c r="D4" s="14">
        <v>124258</v>
      </c>
      <c r="E4" s="14">
        <v>1207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357</v>
      </c>
      <c r="D5" s="14">
        <v>4698</v>
      </c>
      <c r="E5" s="14">
        <v>4659</v>
      </c>
      <c r="F5" s="14"/>
      <c r="G5" s="18" t="s">
        <v>8</v>
      </c>
      <c r="H5" s="17"/>
      <c r="I5" s="13">
        <v>18643</v>
      </c>
      <c r="J5" s="14">
        <v>9953</v>
      </c>
      <c r="K5" s="14">
        <v>8690</v>
      </c>
    </row>
    <row r="6" spans="1:11" ht="15" customHeight="1">
      <c r="A6" s="17" t="s">
        <v>9</v>
      </c>
      <c r="B6" s="17"/>
      <c r="C6" s="13">
        <v>1806</v>
      </c>
      <c r="D6" s="19">
        <v>892</v>
      </c>
      <c r="E6" s="19">
        <v>914</v>
      </c>
      <c r="F6" s="19"/>
      <c r="G6" s="18" t="s">
        <v>10</v>
      </c>
      <c r="H6" s="17"/>
      <c r="I6" s="13">
        <v>4114</v>
      </c>
      <c r="J6" s="19">
        <v>2215</v>
      </c>
      <c r="K6" s="19">
        <v>1899</v>
      </c>
    </row>
    <row r="7" spans="1:11" ht="15" customHeight="1">
      <c r="A7" s="17" t="s">
        <v>11</v>
      </c>
      <c r="B7" s="17"/>
      <c r="C7" s="13">
        <v>1904</v>
      </c>
      <c r="D7" s="19">
        <v>960</v>
      </c>
      <c r="E7" s="19">
        <v>944</v>
      </c>
      <c r="F7" s="19"/>
      <c r="G7" s="18" t="s">
        <v>12</v>
      </c>
      <c r="H7" s="17"/>
      <c r="I7" s="13">
        <v>3888</v>
      </c>
      <c r="J7" s="19">
        <v>2057</v>
      </c>
      <c r="K7" s="19">
        <v>1831</v>
      </c>
    </row>
    <row r="8" spans="1:11" ht="15" customHeight="1">
      <c r="A8" s="17" t="s">
        <v>13</v>
      </c>
      <c r="B8" s="17"/>
      <c r="C8" s="13">
        <v>1910</v>
      </c>
      <c r="D8" s="19">
        <v>962</v>
      </c>
      <c r="E8" s="19">
        <v>948</v>
      </c>
      <c r="F8" s="19"/>
      <c r="G8" s="18" t="s">
        <v>14</v>
      </c>
      <c r="H8" s="17"/>
      <c r="I8" s="13">
        <v>4119</v>
      </c>
      <c r="J8" s="19">
        <v>2253</v>
      </c>
      <c r="K8" s="19">
        <v>1866</v>
      </c>
    </row>
    <row r="9" spans="1:11" ht="15" customHeight="1">
      <c r="A9" s="17" t="s">
        <v>15</v>
      </c>
      <c r="B9" s="17"/>
      <c r="C9" s="13">
        <v>1901</v>
      </c>
      <c r="D9" s="19">
        <v>982</v>
      </c>
      <c r="E9" s="19">
        <v>919</v>
      </c>
      <c r="F9" s="19"/>
      <c r="G9" s="18" t="s">
        <v>16</v>
      </c>
      <c r="H9" s="17"/>
      <c r="I9" s="13">
        <v>2870</v>
      </c>
      <c r="J9" s="19">
        <v>1512</v>
      </c>
      <c r="K9" s="19">
        <v>1358</v>
      </c>
    </row>
    <row r="10" spans="1:11" ht="15" customHeight="1">
      <c r="A10" s="17" t="s">
        <v>17</v>
      </c>
      <c r="B10" s="17"/>
      <c r="C10" s="13">
        <v>1836</v>
      </c>
      <c r="D10" s="19">
        <v>902</v>
      </c>
      <c r="E10" s="19">
        <v>934</v>
      </c>
      <c r="F10" s="19"/>
      <c r="G10" s="18" t="s">
        <v>18</v>
      </c>
      <c r="H10" s="17"/>
      <c r="I10" s="13">
        <v>3652</v>
      </c>
      <c r="J10" s="19">
        <v>1916</v>
      </c>
      <c r="K10" s="19">
        <v>1736</v>
      </c>
    </row>
    <row r="11" spans="1:11" ht="20.100000000000001" customHeight="1">
      <c r="A11" s="17" t="s">
        <v>19</v>
      </c>
      <c r="B11" s="17"/>
      <c r="C11" s="13">
        <v>9056</v>
      </c>
      <c r="D11" s="14">
        <v>4589</v>
      </c>
      <c r="E11" s="14">
        <v>4467</v>
      </c>
      <c r="F11" s="14"/>
      <c r="G11" s="18" t="s">
        <v>20</v>
      </c>
      <c r="H11" s="17"/>
      <c r="I11" s="13">
        <v>14737</v>
      </c>
      <c r="J11" s="14">
        <v>7795</v>
      </c>
      <c r="K11" s="14">
        <v>6942</v>
      </c>
    </row>
    <row r="12" spans="1:11" ht="15" customHeight="1">
      <c r="A12" s="17" t="s">
        <v>21</v>
      </c>
      <c r="B12" s="17"/>
      <c r="C12" s="13">
        <v>1853</v>
      </c>
      <c r="D12" s="19">
        <v>925</v>
      </c>
      <c r="E12" s="19">
        <v>928</v>
      </c>
      <c r="F12" s="19"/>
      <c r="G12" s="18" t="s">
        <v>22</v>
      </c>
      <c r="H12" s="17"/>
      <c r="I12" s="13">
        <v>3428</v>
      </c>
      <c r="J12" s="19">
        <v>1821</v>
      </c>
      <c r="K12" s="19">
        <v>1607</v>
      </c>
    </row>
    <row r="13" spans="1:11" ht="15" customHeight="1">
      <c r="A13" s="17" t="s">
        <v>23</v>
      </c>
      <c r="B13" s="17"/>
      <c r="C13" s="13">
        <v>1773</v>
      </c>
      <c r="D13" s="19">
        <v>915</v>
      </c>
      <c r="E13" s="19">
        <v>858</v>
      </c>
      <c r="F13" s="19"/>
      <c r="G13" s="18" t="s">
        <v>24</v>
      </c>
      <c r="H13" s="17"/>
      <c r="I13" s="13">
        <v>3109</v>
      </c>
      <c r="J13" s="19">
        <v>1709</v>
      </c>
      <c r="K13" s="19">
        <v>1400</v>
      </c>
    </row>
    <row r="14" spans="1:11" ht="15" customHeight="1">
      <c r="A14" s="17" t="s">
        <v>25</v>
      </c>
      <c r="B14" s="17"/>
      <c r="C14" s="13">
        <v>1830</v>
      </c>
      <c r="D14" s="19">
        <v>937</v>
      </c>
      <c r="E14" s="19">
        <v>893</v>
      </c>
      <c r="F14" s="19"/>
      <c r="G14" s="18" t="s">
        <v>26</v>
      </c>
      <c r="H14" s="17"/>
      <c r="I14" s="13">
        <v>2799</v>
      </c>
      <c r="J14" s="19">
        <v>1477</v>
      </c>
      <c r="K14" s="19">
        <v>1322</v>
      </c>
    </row>
    <row r="15" spans="1:11" ht="15" customHeight="1">
      <c r="A15" s="17" t="s">
        <v>27</v>
      </c>
      <c r="B15" s="17"/>
      <c r="C15" s="13">
        <v>1782</v>
      </c>
      <c r="D15" s="19">
        <v>883</v>
      </c>
      <c r="E15" s="19">
        <v>899</v>
      </c>
      <c r="F15" s="19"/>
      <c r="G15" s="18" t="s">
        <v>28</v>
      </c>
      <c r="H15" s="17"/>
      <c r="I15" s="13">
        <v>2752</v>
      </c>
      <c r="J15" s="19">
        <v>1435</v>
      </c>
      <c r="K15" s="19">
        <v>1317</v>
      </c>
    </row>
    <row r="16" spans="1:11" ht="15" customHeight="1">
      <c r="A16" s="17" t="s">
        <v>29</v>
      </c>
      <c r="B16" s="17"/>
      <c r="C16" s="13">
        <v>1818</v>
      </c>
      <c r="D16" s="19">
        <v>929</v>
      </c>
      <c r="E16" s="19">
        <v>889</v>
      </c>
      <c r="F16" s="19"/>
      <c r="G16" s="18" t="s">
        <v>30</v>
      </c>
      <c r="H16" s="17"/>
      <c r="I16" s="13">
        <v>2649</v>
      </c>
      <c r="J16" s="19">
        <v>1353</v>
      </c>
      <c r="K16" s="19">
        <v>1296</v>
      </c>
    </row>
    <row r="17" spans="1:11" ht="20.100000000000001" customHeight="1">
      <c r="A17" s="20" t="s">
        <v>31</v>
      </c>
      <c r="B17" s="20"/>
      <c r="C17" s="13">
        <v>8837</v>
      </c>
      <c r="D17" s="14">
        <v>4510</v>
      </c>
      <c r="E17" s="14">
        <v>4327</v>
      </c>
      <c r="F17" s="14"/>
      <c r="G17" s="18" t="s">
        <v>32</v>
      </c>
      <c r="H17" s="17"/>
      <c r="I17" s="13">
        <v>12145</v>
      </c>
      <c r="J17" s="14">
        <v>6234</v>
      </c>
      <c r="K17" s="14">
        <v>5911</v>
      </c>
    </row>
    <row r="18" spans="1:11" ht="15" customHeight="1">
      <c r="A18" s="17" t="s">
        <v>33</v>
      </c>
      <c r="B18" s="17"/>
      <c r="C18" s="13">
        <v>1770</v>
      </c>
      <c r="D18" s="19">
        <v>878</v>
      </c>
      <c r="E18" s="19">
        <v>892</v>
      </c>
      <c r="F18" s="19"/>
      <c r="G18" s="18" t="s">
        <v>34</v>
      </c>
      <c r="H18" s="17"/>
      <c r="I18" s="13">
        <v>2528</v>
      </c>
      <c r="J18" s="19">
        <v>1282</v>
      </c>
      <c r="K18" s="19">
        <v>1246</v>
      </c>
    </row>
    <row r="19" spans="1:11" ht="15" customHeight="1">
      <c r="A19" s="17" t="s">
        <v>35</v>
      </c>
      <c r="B19" s="17"/>
      <c r="C19" s="13">
        <v>1795</v>
      </c>
      <c r="D19" s="19">
        <v>909</v>
      </c>
      <c r="E19" s="19">
        <v>886</v>
      </c>
      <c r="F19" s="19"/>
      <c r="G19" s="18" t="s">
        <v>36</v>
      </c>
      <c r="H19" s="17"/>
      <c r="I19" s="13">
        <v>2531</v>
      </c>
      <c r="J19" s="19">
        <v>1330</v>
      </c>
      <c r="K19" s="19">
        <v>1201</v>
      </c>
    </row>
    <row r="20" spans="1:11" ht="15" customHeight="1">
      <c r="A20" s="17" t="s">
        <v>37</v>
      </c>
      <c r="B20" s="17"/>
      <c r="C20" s="13">
        <v>1836</v>
      </c>
      <c r="D20" s="19">
        <v>925</v>
      </c>
      <c r="E20" s="19">
        <v>911</v>
      </c>
      <c r="F20" s="19"/>
      <c r="G20" s="18" t="s">
        <v>38</v>
      </c>
      <c r="H20" s="17"/>
      <c r="I20" s="13">
        <v>2369</v>
      </c>
      <c r="J20" s="19">
        <v>1215</v>
      </c>
      <c r="K20" s="19">
        <v>1154</v>
      </c>
    </row>
    <row r="21" spans="1:11" ht="15" customHeight="1">
      <c r="A21" s="17" t="s">
        <v>39</v>
      </c>
      <c r="B21" s="17"/>
      <c r="C21" s="13">
        <v>1757</v>
      </c>
      <c r="D21" s="19">
        <v>923</v>
      </c>
      <c r="E21" s="19">
        <v>834</v>
      </c>
      <c r="F21" s="19"/>
      <c r="G21" s="18" t="s">
        <v>40</v>
      </c>
      <c r="H21" s="17"/>
      <c r="I21" s="13">
        <v>2411</v>
      </c>
      <c r="J21" s="19">
        <v>1229</v>
      </c>
      <c r="K21" s="19">
        <v>1182</v>
      </c>
    </row>
    <row r="22" spans="1:11" ht="15" customHeight="1">
      <c r="A22" s="17" t="s">
        <v>41</v>
      </c>
      <c r="B22" s="17"/>
      <c r="C22" s="13">
        <v>1679</v>
      </c>
      <c r="D22" s="19">
        <v>875</v>
      </c>
      <c r="E22" s="19">
        <v>804</v>
      </c>
      <c r="F22" s="19"/>
      <c r="G22" s="18" t="s">
        <v>42</v>
      </c>
      <c r="H22" s="17"/>
      <c r="I22" s="13">
        <v>2306</v>
      </c>
      <c r="J22" s="19">
        <v>1178</v>
      </c>
      <c r="K22" s="19">
        <v>1128</v>
      </c>
    </row>
    <row r="23" spans="1:11" ht="20.100000000000001" customHeight="1">
      <c r="A23" s="17" t="s">
        <v>43</v>
      </c>
      <c r="B23" s="17"/>
      <c r="C23" s="13">
        <v>9313</v>
      </c>
      <c r="D23" s="14">
        <v>4780</v>
      </c>
      <c r="E23" s="14">
        <v>4533</v>
      </c>
      <c r="F23" s="14"/>
      <c r="G23" s="18" t="s">
        <v>44</v>
      </c>
      <c r="H23" s="17"/>
      <c r="I23" s="13">
        <v>12867</v>
      </c>
      <c r="J23" s="14">
        <v>6517</v>
      </c>
      <c r="K23" s="14">
        <v>6350</v>
      </c>
    </row>
    <row r="24" spans="1:11" ht="15" customHeight="1">
      <c r="A24" s="17" t="s">
        <v>45</v>
      </c>
      <c r="B24" s="17"/>
      <c r="C24" s="13">
        <v>1794</v>
      </c>
      <c r="D24" s="19">
        <v>912</v>
      </c>
      <c r="E24" s="19">
        <v>882</v>
      </c>
      <c r="F24" s="19"/>
      <c r="G24" s="18" t="s">
        <v>46</v>
      </c>
      <c r="H24" s="17"/>
      <c r="I24" s="13">
        <v>2295</v>
      </c>
      <c r="J24" s="19">
        <v>1179</v>
      </c>
      <c r="K24" s="19">
        <v>1116</v>
      </c>
    </row>
    <row r="25" spans="1:11" ht="15" customHeight="1">
      <c r="A25" s="17" t="s">
        <v>47</v>
      </c>
      <c r="B25" s="17"/>
      <c r="C25" s="13">
        <v>1731</v>
      </c>
      <c r="D25" s="19">
        <v>895</v>
      </c>
      <c r="E25" s="19">
        <v>836</v>
      </c>
      <c r="F25" s="19"/>
      <c r="G25" s="18" t="s">
        <v>48</v>
      </c>
      <c r="H25" s="17"/>
      <c r="I25" s="13">
        <v>2452</v>
      </c>
      <c r="J25" s="19">
        <v>1284</v>
      </c>
      <c r="K25" s="19">
        <v>1168</v>
      </c>
    </row>
    <row r="26" spans="1:11" ht="15" customHeight="1">
      <c r="A26" s="17" t="s">
        <v>49</v>
      </c>
      <c r="B26" s="17"/>
      <c r="C26" s="13">
        <v>1763</v>
      </c>
      <c r="D26" s="19">
        <v>870</v>
      </c>
      <c r="E26" s="19">
        <v>893</v>
      </c>
      <c r="F26" s="19"/>
      <c r="G26" s="18" t="s">
        <v>50</v>
      </c>
      <c r="H26" s="17"/>
      <c r="I26" s="13">
        <v>2649</v>
      </c>
      <c r="J26" s="19">
        <v>1325</v>
      </c>
      <c r="K26" s="19">
        <v>1324</v>
      </c>
    </row>
    <row r="27" spans="1:11" ht="15" customHeight="1">
      <c r="A27" s="17" t="s">
        <v>51</v>
      </c>
      <c r="B27" s="17"/>
      <c r="C27" s="13">
        <v>1880</v>
      </c>
      <c r="D27" s="19">
        <v>988</v>
      </c>
      <c r="E27" s="19">
        <v>892</v>
      </c>
      <c r="F27" s="19"/>
      <c r="G27" s="18" t="s">
        <v>52</v>
      </c>
      <c r="H27" s="17"/>
      <c r="I27" s="13">
        <v>2609</v>
      </c>
      <c r="J27" s="19">
        <v>1310</v>
      </c>
      <c r="K27" s="19">
        <v>1299</v>
      </c>
    </row>
    <row r="28" spans="1:11" ht="15" customHeight="1">
      <c r="A28" s="17" t="s">
        <v>53</v>
      </c>
      <c r="B28" s="17"/>
      <c r="C28" s="13">
        <v>2145</v>
      </c>
      <c r="D28" s="19">
        <v>1115</v>
      </c>
      <c r="E28" s="19">
        <v>1030</v>
      </c>
      <c r="F28" s="19"/>
      <c r="G28" s="18" t="s">
        <v>54</v>
      </c>
      <c r="H28" s="17"/>
      <c r="I28" s="13">
        <v>2862</v>
      </c>
      <c r="J28" s="19">
        <v>1419</v>
      </c>
      <c r="K28" s="19">
        <v>1443</v>
      </c>
    </row>
    <row r="29" spans="1:11" ht="20.100000000000001" customHeight="1">
      <c r="A29" s="17" t="s">
        <v>55</v>
      </c>
      <c r="B29" s="17"/>
      <c r="C29" s="13">
        <v>15885</v>
      </c>
      <c r="D29" s="14">
        <v>8661</v>
      </c>
      <c r="E29" s="14">
        <v>7224</v>
      </c>
      <c r="F29" s="14"/>
      <c r="G29" s="18" t="s">
        <v>56</v>
      </c>
      <c r="H29" s="17"/>
      <c r="I29" s="13">
        <v>13364</v>
      </c>
      <c r="J29" s="14">
        <v>6485</v>
      </c>
      <c r="K29" s="14">
        <v>6879</v>
      </c>
    </row>
    <row r="30" spans="1:11" ht="15" customHeight="1">
      <c r="A30" s="17" t="s">
        <v>57</v>
      </c>
      <c r="B30" s="17"/>
      <c r="C30" s="13">
        <v>2216</v>
      </c>
      <c r="D30" s="19">
        <v>1123</v>
      </c>
      <c r="E30" s="19">
        <v>1093</v>
      </c>
      <c r="F30" s="19"/>
      <c r="G30" s="18" t="s">
        <v>58</v>
      </c>
      <c r="H30" s="17"/>
      <c r="I30" s="13">
        <v>3264</v>
      </c>
      <c r="J30" s="19">
        <v>1588</v>
      </c>
      <c r="K30" s="19">
        <v>1676</v>
      </c>
    </row>
    <row r="31" spans="1:11" ht="15" customHeight="1">
      <c r="A31" s="17" t="s">
        <v>59</v>
      </c>
      <c r="B31" s="17"/>
      <c r="C31" s="13">
        <v>2571</v>
      </c>
      <c r="D31" s="19">
        <v>1355</v>
      </c>
      <c r="E31" s="19">
        <v>1216</v>
      </c>
      <c r="F31" s="19"/>
      <c r="G31" s="18" t="s">
        <v>60</v>
      </c>
      <c r="H31" s="17"/>
      <c r="I31" s="13">
        <v>3127</v>
      </c>
      <c r="J31" s="19">
        <v>1512</v>
      </c>
      <c r="K31" s="19">
        <v>1615</v>
      </c>
    </row>
    <row r="32" spans="1:11" ht="15" customHeight="1">
      <c r="A32" s="17" t="s">
        <v>61</v>
      </c>
      <c r="B32" s="17"/>
      <c r="C32" s="13">
        <v>2917</v>
      </c>
      <c r="D32" s="19">
        <v>1540</v>
      </c>
      <c r="E32" s="19">
        <v>1377</v>
      </c>
      <c r="F32" s="19"/>
      <c r="G32" s="18" t="s">
        <v>62</v>
      </c>
      <c r="H32" s="17"/>
      <c r="I32" s="13">
        <v>3113</v>
      </c>
      <c r="J32" s="19">
        <v>1519</v>
      </c>
      <c r="K32" s="19">
        <v>1594</v>
      </c>
    </row>
    <row r="33" spans="1:11" ht="15" customHeight="1">
      <c r="A33" s="17" t="s">
        <v>63</v>
      </c>
      <c r="B33" s="17"/>
      <c r="C33" s="13">
        <v>4030</v>
      </c>
      <c r="D33" s="19">
        <v>2276</v>
      </c>
      <c r="E33" s="19">
        <v>1754</v>
      </c>
      <c r="F33" s="19"/>
      <c r="G33" s="18" t="s">
        <v>64</v>
      </c>
      <c r="H33" s="17"/>
      <c r="I33" s="13">
        <v>1957</v>
      </c>
      <c r="J33" s="19">
        <v>936</v>
      </c>
      <c r="K33" s="19">
        <v>1021</v>
      </c>
    </row>
    <row r="34" spans="1:11" ht="15" customHeight="1">
      <c r="A34" s="17" t="s">
        <v>65</v>
      </c>
      <c r="B34" s="17"/>
      <c r="C34" s="13">
        <v>4151</v>
      </c>
      <c r="D34" s="19">
        <v>2367</v>
      </c>
      <c r="E34" s="19">
        <v>1784</v>
      </c>
      <c r="F34" s="19"/>
      <c r="G34" s="18" t="s">
        <v>66</v>
      </c>
      <c r="H34" s="17"/>
      <c r="I34" s="13">
        <v>1903</v>
      </c>
      <c r="J34" s="19">
        <v>930</v>
      </c>
      <c r="K34" s="19">
        <v>973</v>
      </c>
    </row>
    <row r="35" spans="1:11" ht="20.100000000000001" customHeight="1">
      <c r="A35" s="17" t="s">
        <v>67</v>
      </c>
      <c r="B35" s="17"/>
      <c r="C35" s="13">
        <v>18447</v>
      </c>
      <c r="D35" s="14">
        <v>10173</v>
      </c>
      <c r="E35" s="14">
        <v>8274</v>
      </c>
      <c r="F35" s="14"/>
      <c r="G35" s="18" t="s">
        <v>68</v>
      </c>
      <c r="H35" s="17"/>
      <c r="I35" s="13">
        <v>10715</v>
      </c>
      <c r="J35" s="14">
        <v>4741</v>
      </c>
      <c r="K35" s="14">
        <v>5974</v>
      </c>
    </row>
    <row r="36" spans="1:11" ht="15" customHeight="1">
      <c r="A36" s="17" t="s">
        <v>69</v>
      </c>
      <c r="B36" s="17"/>
      <c r="C36" s="13">
        <v>4178</v>
      </c>
      <c r="D36" s="19">
        <v>2412</v>
      </c>
      <c r="E36" s="19">
        <v>1766</v>
      </c>
      <c r="F36" s="19"/>
      <c r="G36" s="18" t="s">
        <v>70</v>
      </c>
      <c r="H36" s="17"/>
      <c r="I36" s="13">
        <v>2193</v>
      </c>
      <c r="J36" s="19">
        <v>1019</v>
      </c>
      <c r="K36" s="19">
        <v>1174</v>
      </c>
    </row>
    <row r="37" spans="1:11" ht="15" customHeight="1">
      <c r="A37" s="17" t="s">
        <v>71</v>
      </c>
      <c r="B37" s="17"/>
      <c r="C37" s="13">
        <v>3993</v>
      </c>
      <c r="D37" s="19">
        <v>2288</v>
      </c>
      <c r="E37" s="19">
        <v>1705</v>
      </c>
      <c r="F37" s="19"/>
      <c r="G37" s="18" t="s">
        <v>72</v>
      </c>
      <c r="H37" s="17"/>
      <c r="I37" s="13">
        <v>2321</v>
      </c>
      <c r="J37" s="19">
        <v>1028</v>
      </c>
      <c r="K37" s="19">
        <v>1293</v>
      </c>
    </row>
    <row r="38" spans="1:11" ht="15" customHeight="1">
      <c r="A38" s="17" t="s">
        <v>73</v>
      </c>
      <c r="B38" s="17"/>
      <c r="C38" s="13">
        <v>3541</v>
      </c>
      <c r="D38" s="19">
        <v>1956</v>
      </c>
      <c r="E38" s="19">
        <v>1585</v>
      </c>
      <c r="F38" s="19"/>
      <c r="G38" s="18" t="s">
        <v>74</v>
      </c>
      <c r="H38" s="17"/>
      <c r="I38" s="13">
        <v>2185</v>
      </c>
      <c r="J38" s="19">
        <v>965</v>
      </c>
      <c r="K38" s="19">
        <v>1220</v>
      </c>
    </row>
    <row r="39" spans="1:11" ht="15" customHeight="1">
      <c r="A39" s="17" t="s">
        <v>75</v>
      </c>
      <c r="B39" s="17"/>
      <c r="C39" s="13">
        <v>3321</v>
      </c>
      <c r="D39" s="19">
        <v>1773</v>
      </c>
      <c r="E39" s="19">
        <v>1548</v>
      </c>
      <c r="F39" s="19"/>
      <c r="G39" s="18" t="s">
        <v>76</v>
      </c>
      <c r="H39" s="17"/>
      <c r="I39" s="13">
        <v>2077</v>
      </c>
      <c r="J39" s="19">
        <v>906</v>
      </c>
      <c r="K39" s="19">
        <v>1171</v>
      </c>
    </row>
    <row r="40" spans="1:11" ht="15" customHeight="1">
      <c r="A40" s="17" t="s">
        <v>77</v>
      </c>
      <c r="B40" s="17"/>
      <c r="C40" s="13">
        <v>3414</v>
      </c>
      <c r="D40" s="19">
        <v>1744</v>
      </c>
      <c r="E40" s="19">
        <v>1670</v>
      </c>
      <c r="F40" s="19"/>
      <c r="G40" s="18" t="s">
        <v>78</v>
      </c>
      <c r="H40" s="17"/>
      <c r="I40" s="13">
        <v>1939</v>
      </c>
      <c r="J40" s="19">
        <v>823</v>
      </c>
      <c r="K40" s="19">
        <v>1116</v>
      </c>
    </row>
    <row r="41" spans="1:11" ht="20.100000000000001" customHeight="1">
      <c r="A41" s="17" t="s">
        <v>79</v>
      </c>
      <c r="B41" s="17"/>
      <c r="C41" s="13">
        <v>16324</v>
      </c>
      <c r="D41" s="14">
        <v>8439</v>
      </c>
      <c r="E41" s="14">
        <v>7885</v>
      </c>
      <c r="F41" s="14"/>
      <c r="G41" s="18" t="s">
        <v>80</v>
      </c>
      <c r="H41" s="17"/>
      <c r="I41" s="13">
        <v>7829</v>
      </c>
      <c r="J41" s="14">
        <v>3183</v>
      </c>
      <c r="K41" s="14">
        <v>4646</v>
      </c>
    </row>
    <row r="42" spans="1:11" ht="15" customHeight="1">
      <c r="A42" s="17" t="s">
        <v>81</v>
      </c>
      <c r="B42" s="17"/>
      <c r="C42" s="13">
        <v>3106</v>
      </c>
      <c r="D42" s="19">
        <v>1625</v>
      </c>
      <c r="E42" s="19">
        <v>1481</v>
      </c>
      <c r="F42" s="19"/>
      <c r="G42" s="18" t="s">
        <v>82</v>
      </c>
      <c r="H42" s="17"/>
      <c r="I42" s="13">
        <v>1680</v>
      </c>
      <c r="J42" s="19">
        <v>688</v>
      </c>
      <c r="K42" s="19">
        <v>992</v>
      </c>
    </row>
    <row r="43" spans="1:11" ht="15" customHeight="1">
      <c r="A43" s="17" t="s">
        <v>83</v>
      </c>
      <c r="B43" s="17"/>
      <c r="C43" s="13">
        <v>3314</v>
      </c>
      <c r="D43" s="19">
        <v>1716</v>
      </c>
      <c r="E43" s="19">
        <v>1598</v>
      </c>
      <c r="F43" s="19"/>
      <c r="G43" s="18" t="s">
        <v>84</v>
      </c>
      <c r="H43" s="17"/>
      <c r="I43" s="13">
        <v>1529</v>
      </c>
      <c r="J43" s="19">
        <v>670</v>
      </c>
      <c r="K43" s="19">
        <v>859</v>
      </c>
    </row>
    <row r="44" spans="1:11" ht="15" customHeight="1">
      <c r="A44" s="17" t="s">
        <v>85</v>
      </c>
      <c r="B44" s="17"/>
      <c r="C44" s="13">
        <v>3154</v>
      </c>
      <c r="D44" s="19">
        <v>1644</v>
      </c>
      <c r="E44" s="19">
        <v>1510</v>
      </c>
      <c r="F44" s="19"/>
      <c r="G44" s="18" t="s">
        <v>86</v>
      </c>
      <c r="H44" s="17"/>
      <c r="I44" s="13">
        <v>1644</v>
      </c>
      <c r="J44" s="19">
        <v>684</v>
      </c>
      <c r="K44" s="19">
        <v>960</v>
      </c>
    </row>
    <row r="45" spans="1:11" ht="15" customHeight="1">
      <c r="A45" s="17" t="s">
        <v>87</v>
      </c>
      <c r="B45" s="17"/>
      <c r="C45" s="13">
        <v>3313</v>
      </c>
      <c r="D45" s="19">
        <v>1683</v>
      </c>
      <c r="E45" s="19">
        <v>1630</v>
      </c>
      <c r="F45" s="19"/>
      <c r="G45" s="18" t="s">
        <v>88</v>
      </c>
      <c r="H45" s="17"/>
      <c r="I45" s="13">
        <v>1471</v>
      </c>
      <c r="J45" s="19">
        <v>572</v>
      </c>
      <c r="K45" s="19">
        <v>899</v>
      </c>
    </row>
    <row r="46" spans="1:11" ht="15" customHeight="1">
      <c r="A46" s="17" t="s">
        <v>89</v>
      </c>
      <c r="B46" s="17"/>
      <c r="C46" s="13">
        <v>3437</v>
      </c>
      <c r="D46" s="19">
        <v>1771</v>
      </c>
      <c r="E46" s="19">
        <v>1666</v>
      </c>
      <c r="F46" s="19"/>
      <c r="G46" s="18" t="s">
        <v>90</v>
      </c>
      <c r="H46" s="17"/>
      <c r="I46" s="13">
        <v>1505</v>
      </c>
      <c r="J46" s="19">
        <v>569</v>
      </c>
      <c r="K46" s="19">
        <v>936</v>
      </c>
    </row>
    <row r="47" spans="1:11" ht="20.100000000000001" customHeight="1">
      <c r="A47" s="17" t="s">
        <v>91</v>
      </c>
      <c r="B47" s="17"/>
      <c r="C47" s="13">
        <v>17003</v>
      </c>
      <c r="D47" s="14">
        <v>8800</v>
      </c>
      <c r="E47" s="14">
        <v>8203</v>
      </c>
      <c r="F47" s="14"/>
      <c r="G47" s="18" t="s">
        <v>92</v>
      </c>
      <c r="H47" s="17"/>
      <c r="I47" s="13">
        <v>5173</v>
      </c>
      <c r="J47" s="14">
        <v>1765</v>
      </c>
      <c r="K47" s="14">
        <v>3408</v>
      </c>
    </row>
    <row r="48" spans="1:11" ht="15" customHeight="1">
      <c r="A48" s="17" t="s">
        <v>93</v>
      </c>
      <c r="B48" s="17"/>
      <c r="C48" s="13">
        <v>3365</v>
      </c>
      <c r="D48" s="43">
        <v>1747</v>
      </c>
      <c r="E48" s="43">
        <v>1618</v>
      </c>
      <c r="F48" s="19"/>
      <c r="G48" s="18" t="s">
        <v>94</v>
      </c>
      <c r="H48" s="17"/>
      <c r="I48" s="13">
        <v>1259</v>
      </c>
      <c r="J48" s="19">
        <v>431</v>
      </c>
      <c r="K48" s="19">
        <v>828</v>
      </c>
    </row>
    <row r="49" spans="1:11" ht="15" customHeight="1">
      <c r="A49" s="17" t="s">
        <v>95</v>
      </c>
      <c r="B49" s="17"/>
      <c r="C49" s="13">
        <v>3420</v>
      </c>
      <c r="D49" s="43">
        <v>1769</v>
      </c>
      <c r="E49" s="43">
        <v>1651</v>
      </c>
      <c r="F49" s="19"/>
      <c r="G49" s="18" t="s">
        <v>96</v>
      </c>
      <c r="H49" s="17"/>
      <c r="I49" s="13">
        <v>1153</v>
      </c>
      <c r="J49" s="19">
        <v>399</v>
      </c>
      <c r="K49" s="19">
        <v>754</v>
      </c>
    </row>
    <row r="50" spans="1:11" ht="15" customHeight="1">
      <c r="A50" s="17" t="s">
        <v>97</v>
      </c>
      <c r="B50" s="17"/>
      <c r="C50" s="13">
        <v>3374</v>
      </c>
      <c r="D50" s="43">
        <v>1714</v>
      </c>
      <c r="E50" s="43">
        <v>1660</v>
      </c>
      <c r="F50" s="19"/>
      <c r="G50" s="18" t="s">
        <v>98</v>
      </c>
      <c r="H50" s="17"/>
      <c r="I50" s="13">
        <v>1031</v>
      </c>
      <c r="J50" s="19">
        <v>351</v>
      </c>
      <c r="K50" s="19">
        <v>680</v>
      </c>
    </row>
    <row r="51" spans="1:11" ht="15" customHeight="1">
      <c r="A51" s="17" t="s">
        <v>99</v>
      </c>
      <c r="B51" s="17"/>
      <c r="C51" s="13">
        <v>3359</v>
      </c>
      <c r="D51" s="43">
        <v>1772</v>
      </c>
      <c r="E51" s="43">
        <v>1587</v>
      </c>
      <c r="F51" s="19"/>
      <c r="G51" s="18" t="s">
        <v>100</v>
      </c>
      <c r="H51" s="17"/>
      <c r="I51" s="13">
        <v>928</v>
      </c>
      <c r="J51" s="19">
        <v>310</v>
      </c>
      <c r="K51" s="19">
        <v>618</v>
      </c>
    </row>
    <row r="52" spans="1:11" ht="15" customHeight="1">
      <c r="A52" s="17" t="s">
        <v>101</v>
      </c>
      <c r="B52" s="17"/>
      <c r="C52" s="13">
        <v>3485</v>
      </c>
      <c r="D52" s="43">
        <v>1798</v>
      </c>
      <c r="E52" s="43">
        <v>1687</v>
      </c>
      <c r="F52" s="19"/>
      <c r="G52" s="18" t="s">
        <v>102</v>
      </c>
      <c r="H52" s="17"/>
      <c r="I52" s="13">
        <v>802</v>
      </c>
      <c r="J52" s="19">
        <v>274</v>
      </c>
      <c r="K52" s="19">
        <v>528</v>
      </c>
    </row>
    <row r="53" spans="1:11" ht="20.100000000000001" customHeight="1">
      <c r="A53" s="17" t="s">
        <v>103</v>
      </c>
      <c r="B53" s="17"/>
      <c r="C53" s="13">
        <v>18707</v>
      </c>
      <c r="D53" s="14">
        <v>9724</v>
      </c>
      <c r="E53" s="14">
        <v>8983</v>
      </c>
      <c r="F53" s="14"/>
      <c r="G53" s="18" t="s">
        <v>104</v>
      </c>
      <c r="H53" s="17"/>
      <c r="I53" s="13">
        <v>2424</v>
      </c>
      <c r="J53" s="14">
        <v>664</v>
      </c>
      <c r="K53" s="14">
        <v>1760</v>
      </c>
    </row>
    <row r="54" spans="1:11" ht="15" customHeight="1">
      <c r="A54" s="17" t="s">
        <v>105</v>
      </c>
      <c r="B54" s="17"/>
      <c r="C54" s="13">
        <v>3486</v>
      </c>
      <c r="D54" s="19">
        <v>1808</v>
      </c>
      <c r="E54" s="19">
        <v>1678</v>
      </c>
      <c r="F54" s="19"/>
      <c r="G54" s="18" t="s">
        <v>106</v>
      </c>
      <c r="H54" s="17"/>
      <c r="I54" s="13">
        <v>676</v>
      </c>
      <c r="J54" s="19">
        <v>191</v>
      </c>
      <c r="K54" s="19">
        <v>485</v>
      </c>
    </row>
    <row r="55" spans="1:11" ht="15" customHeight="1">
      <c r="A55" s="17" t="s">
        <v>107</v>
      </c>
      <c r="B55" s="17"/>
      <c r="C55" s="13">
        <v>3772</v>
      </c>
      <c r="D55" s="19">
        <v>1961</v>
      </c>
      <c r="E55" s="19">
        <v>1811</v>
      </c>
      <c r="F55" s="19"/>
      <c r="G55" s="18" t="s">
        <v>108</v>
      </c>
      <c r="H55" s="17"/>
      <c r="I55" s="13">
        <v>603</v>
      </c>
      <c r="J55" s="19">
        <v>166</v>
      </c>
      <c r="K55" s="19">
        <v>437</v>
      </c>
    </row>
    <row r="56" spans="1:11" ht="15" customHeight="1">
      <c r="A56" s="17" t="s">
        <v>109</v>
      </c>
      <c r="B56" s="17"/>
      <c r="C56" s="13">
        <v>3719</v>
      </c>
      <c r="D56" s="19">
        <v>1914</v>
      </c>
      <c r="E56" s="19">
        <v>1805</v>
      </c>
      <c r="F56" s="19"/>
      <c r="G56" s="18" t="s">
        <v>110</v>
      </c>
      <c r="H56" s="17"/>
      <c r="I56" s="13">
        <v>482</v>
      </c>
      <c r="J56" s="19">
        <v>142</v>
      </c>
      <c r="K56" s="19">
        <v>340</v>
      </c>
    </row>
    <row r="57" spans="1:11" ht="15" customHeight="1">
      <c r="A57" s="17" t="s">
        <v>111</v>
      </c>
      <c r="B57" s="17"/>
      <c r="C57" s="13">
        <v>3791</v>
      </c>
      <c r="D57" s="19">
        <v>1985</v>
      </c>
      <c r="E57" s="19">
        <v>1806</v>
      </c>
      <c r="F57" s="19"/>
      <c r="G57" s="18" t="s">
        <v>112</v>
      </c>
      <c r="H57" s="17"/>
      <c r="I57" s="13">
        <v>367</v>
      </c>
      <c r="J57" s="19">
        <v>89</v>
      </c>
      <c r="K57" s="19">
        <v>278</v>
      </c>
    </row>
    <row r="58" spans="1:11" ht="15" customHeight="1">
      <c r="A58" s="17" t="s">
        <v>113</v>
      </c>
      <c r="B58" s="17"/>
      <c r="C58" s="13">
        <v>3939</v>
      </c>
      <c r="D58" s="19">
        <v>2056</v>
      </c>
      <c r="E58" s="19">
        <v>1883</v>
      </c>
      <c r="F58" s="19"/>
      <c r="G58" s="18" t="s">
        <v>114</v>
      </c>
      <c r="H58" s="17"/>
      <c r="I58" s="13">
        <v>296</v>
      </c>
      <c r="J58" s="19">
        <v>76</v>
      </c>
      <c r="K58" s="19">
        <v>220</v>
      </c>
    </row>
    <row r="59" spans="1:11" ht="20.100000000000001" customHeight="1">
      <c r="A59" s="17" t="s">
        <v>115</v>
      </c>
      <c r="B59" s="17"/>
      <c r="C59" s="13">
        <v>21238</v>
      </c>
      <c r="D59" s="14">
        <v>10888</v>
      </c>
      <c r="E59" s="14">
        <v>10350</v>
      </c>
      <c r="F59" s="14"/>
      <c r="G59" s="18" t="s">
        <v>116</v>
      </c>
      <c r="H59" s="17"/>
      <c r="I59" s="13">
        <v>551</v>
      </c>
      <c r="J59" s="14">
        <v>132</v>
      </c>
      <c r="K59" s="14">
        <v>419</v>
      </c>
    </row>
    <row r="60" spans="1:11" ht="15" customHeight="1">
      <c r="A60" s="17" t="s">
        <v>117</v>
      </c>
      <c r="B60" s="17"/>
      <c r="C60" s="13">
        <v>4157</v>
      </c>
      <c r="D60" s="19">
        <v>2167</v>
      </c>
      <c r="E60" s="19">
        <v>1990</v>
      </c>
      <c r="F60" s="19"/>
      <c r="G60" s="18" t="s">
        <v>118</v>
      </c>
      <c r="H60" s="17"/>
      <c r="I60" s="13">
        <v>200</v>
      </c>
      <c r="J60" s="19">
        <v>51</v>
      </c>
      <c r="K60" s="19">
        <v>149</v>
      </c>
    </row>
    <row r="61" spans="1:11" ht="15" customHeight="1">
      <c r="A61" s="17" t="s">
        <v>119</v>
      </c>
      <c r="B61" s="17"/>
      <c r="C61" s="13">
        <v>4446</v>
      </c>
      <c r="D61" s="19">
        <v>2267</v>
      </c>
      <c r="E61" s="19">
        <v>2179</v>
      </c>
      <c r="F61" s="19"/>
      <c r="G61" s="18" t="s">
        <v>120</v>
      </c>
      <c r="H61" s="17"/>
      <c r="I61" s="13">
        <v>176</v>
      </c>
      <c r="J61" s="19">
        <v>37</v>
      </c>
      <c r="K61" s="19">
        <v>139</v>
      </c>
    </row>
    <row r="62" spans="1:11" ht="15" customHeight="1">
      <c r="A62" s="17" t="s">
        <v>121</v>
      </c>
      <c r="B62" s="17"/>
      <c r="C62" s="13">
        <v>4286</v>
      </c>
      <c r="D62" s="19">
        <v>2145</v>
      </c>
      <c r="E62" s="19">
        <v>2141</v>
      </c>
      <c r="F62" s="19"/>
      <c r="G62" s="18" t="s">
        <v>122</v>
      </c>
      <c r="H62" s="17"/>
      <c r="I62" s="13">
        <v>74</v>
      </c>
      <c r="J62" s="19">
        <v>18</v>
      </c>
      <c r="K62" s="19">
        <v>56</v>
      </c>
    </row>
    <row r="63" spans="1:11" ht="15" customHeight="1">
      <c r="A63" s="17" t="s">
        <v>123</v>
      </c>
      <c r="B63" s="17"/>
      <c r="C63" s="13">
        <v>4075</v>
      </c>
      <c r="D63" s="19">
        <v>2085</v>
      </c>
      <c r="E63" s="19">
        <v>1990</v>
      </c>
      <c r="F63" s="19"/>
      <c r="G63" s="18" t="s">
        <v>124</v>
      </c>
      <c r="H63" s="17"/>
      <c r="I63" s="13">
        <v>57</v>
      </c>
      <c r="J63" s="19">
        <v>12</v>
      </c>
      <c r="K63" s="19">
        <v>45</v>
      </c>
    </row>
    <row r="64" spans="1:11" ht="15" customHeight="1">
      <c r="A64" s="17" t="s">
        <v>125</v>
      </c>
      <c r="B64" s="17"/>
      <c r="C64" s="13">
        <v>4274</v>
      </c>
      <c r="D64" s="19">
        <v>2224</v>
      </c>
      <c r="E64" s="19">
        <v>2050</v>
      </c>
      <c r="F64" s="19"/>
      <c r="G64" s="18" t="s">
        <v>126</v>
      </c>
      <c r="H64" s="17"/>
      <c r="I64" s="13">
        <v>44</v>
      </c>
      <c r="J64" s="19">
        <v>14</v>
      </c>
      <c r="K64" s="19">
        <v>3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1</v>
      </c>
      <c r="J65" s="19">
        <v>9</v>
      </c>
      <c r="K65" s="19">
        <v>6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50</v>
      </c>
      <c r="J66" s="29">
        <v>1518</v>
      </c>
      <c r="K66" s="29">
        <v>83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4536</v>
      </c>
      <c r="D4" s="14">
        <v>116203</v>
      </c>
      <c r="E4" s="14">
        <v>10833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892</v>
      </c>
      <c r="D5" s="14">
        <v>3969</v>
      </c>
      <c r="E5" s="14">
        <v>3923</v>
      </c>
      <c r="F5" s="14"/>
      <c r="G5" s="18" t="s">
        <v>8</v>
      </c>
      <c r="H5" s="17"/>
      <c r="I5" s="13">
        <v>16636</v>
      </c>
      <c r="J5" s="14">
        <v>9018</v>
      </c>
      <c r="K5" s="14">
        <v>7618</v>
      </c>
    </row>
    <row r="6" spans="1:11" ht="15" customHeight="1">
      <c r="A6" s="17" t="s">
        <v>9</v>
      </c>
      <c r="B6" s="17"/>
      <c r="C6" s="13">
        <v>1463</v>
      </c>
      <c r="D6" s="19">
        <v>747</v>
      </c>
      <c r="E6" s="19">
        <v>716</v>
      </c>
      <c r="F6" s="19"/>
      <c r="G6" s="18" t="s">
        <v>10</v>
      </c>
      <c r="H6" s="17"/>
      <c r="I6" s="13">
        <v>3542</v>
      </c>
      <c r="J6" s="19">
        <v>1897</v>
      </c>
      <c r="K6" s="19">
        <v>1645</v>
      </c>
    </row>
    <row r="7" spans="1:11" ht="15" customHeight="1">
      <c r="A7" s="17" t="s">
        <v>11</v>
      </c>
      <c r="B7" s="17"/>
      <c r="C7" s="13">
        <v>1508</v>
      </c>
      <c r="D7" s="19">
        <v>758</v>
      </c>
      <c r="E7" s="19">
        <v>750</v>
      </c>
      <c r="F7" s="19"/>
      <c r="G7" s="18" t="s">
        <v>12</v>
      </c>
      <c r="H7" s="17"/>
      <c r="I7" s="13">
        <v>3547</v>
      </c>
      <c r="J7" s="19">
        <v>1956</v>
      </c>
      <c r="K7" s="19">
        <v>1591</v>
      </c>
    </row>
    <row r="8" spans="1:11" ht="15" customHeight="1">
      <c r="A8" s="17" t="s">
        <v>13</v>
      </c>
      <c r="B8" s="17"/>
      <c r="C8" s="13">
        <v>1570</v>
      </c>
      <c r="D8" s="19">
        <v>817</v>
      </c>
      <c r="E8" s="19">
        <v>753</v>
      </c>
      <c r="F8" s="19"/>
      <c r="G8" s="18" t="s">
        <v>14</v>
      </c>
      <c r="H8" s="17"/>
      <c r="I8" s="13">
        <v>3677</v>
      </c>
      <c r="J8" s="19">
        <v>1946</v>
      </c>
      <c r="K8" s="19">
        <v>1731</v>
      </c>
    </row>
    <row r="9" spans="1:11" ht="15" customHeight="1">
      <c r="A9" s="17" t="s">
        <v>15</v>
      </c>
      <c r="B9" s="17"/>
      <c r="C9" s="13">
        <v>1709</v>
      </c>
      <c r="D9" s="19">
        <v>856</v>
      </c>
      <c r="E9" s="19">
        <v>853</v>
      </c>
      <c r="F9" s="19"/>
      <c r="G9" s="18" t="s">
        <v>16</v>
      </c>
      <c r="H9" s="17"/>
      <c r="I9" s="13">
        <v>2557</v>
      </c>
      <c r="J9" s="19">
        <v>1398</v>
      </c>
      <c r="K9" s="19">
        <v>1159</v>
      </c>
    </row>
    <row r="10" spans="1:11" ht="15" customHeight="1">
      <c r="A10" s="17" t="s">
        <v>17</v>
      </c>
      <c r="B10" s="17"/>
      <c r="C10" s="13">
        <v>1642</v>
      </c>
      <c r="D10" s="19">
        <v>791</v>
      </c>
      <c r="E10" s="19">
        <v>851</v>
      </c>
      <c r="F10" s="19"/>
      <c r="G10" s="18" t="s">
        <v>18</v>
      </c>
      <c r="H10" s="17"/>
      <c r="I10" s="13">
        <v>3313</v>
      </c>
      <c r="J10" s="19">
        <v>1821</v>
      </c>
      <c r="K10" s="19">
        <v>1492</v>
      </c>
    </row>
    <row r="11" spans="1:11" ht="20.100000000000001" customHeight="1">
      <c r="A11" s="17" t="s">
        <v>19</v>
      </c>
      <c r="B11" s="17"/>
      <c r="C11" s="13">
        <v>8965</v>
      </c>
      <c r="D11" s="14">
        <v>4637</v>
      </c>
      <c r="E11" s="14">
        <v>4328</v>
      </c>
      <c r="F11" s="14"/>
      <c r="G11" s="18" t="s">
        <v>20</v>
      </c>
      <c r="H11" s="17"/>
      <c r="I11" s="13">
        <v>13205</v>
      </c>
      <c r="J11" s="14">
        <v>7012</v>
      </c>
      <c r="K11" s="14">
        <v>6193</v>
      </c>
    </row>
    <row r="12" spans="1:11" ht="15" customHeight="1">
      <c r="A12" s="17" t="s">
        <v>21</v>
      </c>
      <c r="B12" s="17"/>
      <c r="C12" s="13">
        <v>1664</v>
      </c>
      <c r="D12" s="19">
        <v>827</v>
      </c>
      <c r="E12" s="19">
        <v>837</v>
      </c>
      <c r="F12" s="19"/>
      <c r="G12" s="18" t="s">
        <v>22</v>
      </c>
      <c r="H12" s="17"/>
      <c r="I12" s="13">
        <v>2968</v>
      </c>
      <c r="J12" s="19">
        <v>1615</v>
      </c>
      <c r="K12" s="19">
        <v>1353</v>
      </c>
    </row>
    <row r="13" spans="1:11" ht="15" customHeight="1">
      <c r="A13" s="17" t="s">
        <v>23</v>
      </c>
      <c r="B13" s="17"/>
      <c r="C13" s="13">
        <v>1706</v>
      </c>
      <c r="D13" s="19">
        <v>885</v>
      </c>
      <c r="E13" s="19">
        <v>821</v>
      </c>
      <c r="F13" s="19"/>
      <c r="G13" s="18" t="s">
        <v>24</v>
      </c>
      <c r="H13" s="17"/>
      <c r="I13" s="13">
        <v>2704</v>
      </c>
      <c r="J13" s="19">
        <v>1464</v>
      </c>
      <c r="K13" s="19">
        <v>1240</v>
      </c>
    </row>
    <row r="14" spans="1:11" ht="15" customHeight="1">
      <c r="A14" s="17" t="s">
        <v>25</v>
      </c>
      <c r="B14" s="17"/>
      <c r="C14" s="13">
        <v>1768</v>
      </c>
      <c r="D14" s="19">
        <v>902</v>
      </c>
      <c r="E14" s="19">
        <v>866</v>
      </c>
      <c r="F14" s="19"/>
      <c r="G14" s="18" t="s">
        <v>26</v>
      </c>
      <c r="H14" s="17"/>
      <c r="I14" s="13">
        <v>2572</v>
      </c>
      <c r="J14" s="19">
        <v>1368</v>
      </c>
      <c r="K14" s="19">
        <v>1204</v>
      </c>
    </row>
    <row r="15" spans="1:11" ht="15" customHeight="1">
      <c r="A15" s="17" t="s">
        <v>27</v>
      </c>
      <c r="B15" s="17"/>
      <c r="C15" s="13">
        <v>1865</v>
      </c>
      <c r="D15" s="19">
        <v>1007</v>
      </c>
      <c r="E15" s="19">
        <v>858</v>
      </c>
      <c r="F15" s="19"/>
      <c r="G15" s="18" t="s">
        <v>28</v>
      </c>
      <c r="H15" s="17"/>
      <c r="I15" s="13">
        <v>2507</v>
      </c>
      <c r="J15" s="19">
        <v>1301</v>
      </c>
      <c r="K15" s="19">
        <v>1206</v>
      </c>
    </row>
    <row r="16" spans="1:11" ht="15" customHeight="1">
      <c r="A16" s="17" t="s">
        <v>29</v>
      </c>
      <c r="B16" s="17"/>
      <c r="C16" s="13">
        <v>1962</v>
      </c>
      <c r="D16" s="19">
        <v>1016</v>
      </c>
      <c r="E16" s="19">
        <v>946</v>
      </c>
      <c r="F16" s="19"/>
      <c r="G16" s="18" t="s">
        <v>30</v>
      </c>
      <c r="H16" s="17"/>
      <c r="I16" s="13">
        <v>2454</v>
      </c>
      <c r="J16" s="19">
        <v>1264</v>
      </c>
      <c r="K16" s="19">
        <v>1190</v>
      </c>
    </row>
    <row r="17" spans="1:11" ht="20.100000000000001" customHeight="1">
      <c r="A17" s="20" t="s">
        <v>31</v>
      </c>
      <c r="B17" s="20"/>
      <c r="C17" s="13">
        <v>9760</v>
      </c>
      <c r="D17" s="14">
        <v>5048</v>
      </c>
      <c r="E17" s="14">
        <v>4712</v>
      </c>
      <c r="F17" s="14"/>
      <c r="G17" s="18" t="s">
        <v>32</v>
      </c>
      <c r="H17" s="17"/>
      <c r="I17" s="13">
        <v>11978</v>
      </c>
      <c r="J17" s="14">
        <v>6195</v>
      </c>
      <c r="K17" s="14">
        <v>5783</v>
      </c>
    </row>
    <row r="18" spans="1:11" ht="15" customHeight="1">
      <c r="A18" s="17" t="s">
        <v>33</v>
      </c>
      <c r="B18" s="17"/>
      <c r="C18" s="13">
        <v>1875</v>
      </c>
      <c r="D18" s="19">
        <v>987</v>
      </c>
      <c r="E18" s="19">
        <v>888</v>
      </c>
      <c r="F18" s="19"/>
      <c r="G18" s="18" t="s">
        <v>34</v>
      </c>
      <c r="H18" s="17"/>
      <c r="I18" s="13">
        <v>2482</v>
      </c>
      <c r="J18" s="19">
        <v>1311</v>
      </c>
      <c r="K18" s="19">
        <v>1171</v>
      </c>
    </row>
    <row r="19" spans="1:11" ht="15" customHeight="1">
      <c r="A19" s="17" t="s">
        <v>35</v>
      </c>
      <c r="B19" s="17"/>
      <c r="C19" s="13">
        <v>1985</v>
      </c>
      <c r="D19" s="19">
        <v>1016</v>
      </c>
      <c r="E19" s="19">
        <v>969</v>
      </c>
      <c r="F19" s="19"/>
      <c r="G19" s="18" t="s">
        <v>36</v>
      </c>
      <c r="H19" s="17"/>
      <c r="I19" s="13">
        <v>2390</v>
      </c>
      <c r="J19" s="19">
        <v>1250</v>
      </c>
      <c r="K19" s="19">
        <v>1140</v>
      </c>
    </row>
    <row r="20" spans="1:11" ht="15" customHeight="1">
      <c r="A20" s="17" t="s">
        <v>37</v>
      </c>
      <c r="B20" s="17"/>
      <c r="C20" s="13">
        <v>1973</v>
      </c>
      <c r="D20" s="19">
        <v>1042</v>
      </c>
      <c r="E20" s="19">
        <v>931</v>
      </c>
      <c r="F20" s="19"/>
      <c r="G20" s="18" t="s">
        <v>38</v>
      </c>
      <c r="H20" s="17"/>
      <c r="I20" s="13">
        <v>2228</v>
      </c>
      <c r="J20" s="19">
        <v>1158</v>
      </c>
      <c r="K20" s="19">
        <v>1070</v>
      </c>
    </row>
    <row r="21" spans="1:11" ht="15" customHeight="1">
      <c r="A21" s="17" t="s">
        <v>39</v>
      </c>
      <c r="B21" s="17"/>
      <c r="C21" s="13">
        <v>1947</v>
      </c>
      <c r="D21" s="19">
        <v>998</v>
      </c>
      <c r="E21" s="19">
        <v>949</v>
      </c>
      <c r="F21" s="19"/>
      <c r="G21" s="18" t="s">
        <v>40</v>
      </c>
      <c r="H21" s="17"/>
      <c r="I21" s="13">
        <v>2395</v>
      </c>
      <c r="J21" s="19">
        <v>1225</v>
      </c>
      <c r="K21" s="19">
        <v>1170</v>
      </c>
    </row>
    <row r="22" spans="1:11" ht="15" customHeight="1">
      <c r="A22" s="17" t="s">
        <v>41</v>
      </c>
      <c r="B22" s="17"/>
      <c r="C22" s="13">
        <v>1980</v>
      </c>
      <c r="D22" s="19">
        <v>1005</v>
      </c>
      <c r="E22" s="19">
        <v>975</v>
      </c>
      <c r="F22" s="19"/>
      <c r="G22" s="18" t="s">
        <v>42</v>
      </c>
      <c r="H22" s="17"/>
      <c r="I22" s="13">
        <v>2483</v>
      </c>
      <c r="J22" s="19">
        <v>1251</v>
      </c>
      <c r="K22" s="19">
        <v>1232</v>
      </c>
    </row>
    <row r="23" spans="1:11" ht="20.100000000000001" customHeight="1">
      <c r="A23" s="17" t="s">
        <v>43</v>
      </c>
      <c r="B23" s="17"/>
      <c r="C23" s="13">
        <v>10790</v>
      </c>
      <c r="D23" s="14">
        <v>5522</v>
      </c>
      <c r="E23" s="14">
        <v>5268</v>
      </c>
      <c r="F23" s="14"/>
      <c r="G23" s="18" t="s">
        <v>44</v>
      </c>
      <c r="H23" s="17"/>
      <c r="I23" s="13">
        <v>14458</v>
      </c>
      <c r="J23" s="14">
        <v>6937</v>
      </c>
      <c r="K23" s="14">
        <v>7521</v>
      </c>
    </row>
    <row r="24" spans="1:11" ht="15" customHeight="1">
      <c r="A24" s="17" t="s">
        <v>45</v>
      </c>
      <c r="B24" s="17"/>
      <c r="C24" s="13">
        <v>1973</v>
      </c>
      <c r="D24" s="19">
        <v>997</v>
      </c>
      <c r="E24" s="19">
        <v>976</v>
      </c>
      <c r="F24" s="19"/>
      <c r="G24" s="18" t="s">
        <v>46</v>
      </c>
      <c r="H24" s="17"/>
      <c r="I24" s="13">
        <v>2586</v>
      </c>
      <c r="J24" s="19">
        <v>1231</v>
      </c>
      <c r="K24" s="19">
        <v>1355</v>
      </c>
    </row>
    <row r="25" spans="1:11" ht="15" customHeight="1">
      <c r="A25" s="17" t="s">
        <v>47</v>
      </c>
      <c r="B25" s="17"/>
      <c r="C25" s="13">
        <v>2111</v>
      </c>
      <c r="D25" s="19">
        <v>1081</v>
      </c>
      <c r="E25" s="19">
        <v>1030</v>
      </c>
      <c r="F25" s="19"/>
      <c r="G25" s="18" t="s">
        <v>48</v>
      </c>
      <c r="H25" s="17"/>
      <c r="I25" s="13">
        <v>2640</v>
      </c>
      <c r="J25" s="19">
        <v>1294</v>
      </c>
      <c r="K25" s="19">
        <v>1346</v>
      </c>
    </row>
    <row r="26" spans="1:11" ht="15" customHeight="1">
      <c r="A26" s="17" t="s">
        <v>49</v>
      </c>
      <c r="B26" s="17"/>
      <c r="C26" s="13">
        <v>2098</v>
      </c>
      <c r="D26" s="19">
        <v>1041</v>
      </c>
      <c r="E26" s="19">
        <v>1057</v>
      </c>
      <c r="F26" s="19"/>
      <c r="G26" s="18" t="s">
        <v>50</v>
      </c>
      <c r="H26" s="17"/>
      <c r="I26" s="13">
        <v>2968</v>
      </c>
      <c r="J26" s="19">
        <v>1416</v>
      </c>
      <c r="K26" s="19">
        <v>1552</v>
      </c>
    </row>
    <row r="27" spans="1:11" ht="15" customHeight="1">
      <c r="A27" s="17" t="s">
        <v>51</v>
      </c>
      <c r="B27" s="17"/>
      <c r="C27" s="13">
        <v>2290</v>
      </c>
      <c r="D27" s="19">
        <v>1186</v>
      </c>
      <c r="E27" s="19">
        <v>1104</v>
      </c>
      <c r="F27" s="19"/>
      <c r="G27" s="18" t="s">
        <v>52</v>
      </c>
      <c r="H27" s="17"/>
      <c r="I27" s="13">
        <v>3009</v>
      </c>
      <c r="J27" s="19">
        <v>1442</v>
      </c>
      <c r="K27" s="19">
        <v>1567</v>
      </c>
    </row>
    <row r="28" spans="1:11" ht="15" customHeight="1">
      <c r="A28" s="17" t="s">
        <v>53</v>
      </c>
      <c r="B28" s="17"/>
      <c r="C28" s="13">
        <v>2318</v>
      </c>
      <c r="D28" s="19">
        <v>1217</v>
      </c>
      <c r="E28" s="19">
        <v>1101</v>
      </c>
      <c r="F28" s="19"/>
      <c r="G28" s="18" t="s">
        <v>54</v>
      </c>
      <c r="H28" s="17"/>
      <c r="I28" s="13">
        <v>3255</v>
      </c>
      <c r="J28" s="19">
        <v>1554</v>
      </c>
      <c r="K28" s="19">
        <v>1701</v>
      </c>
    </row>
    <row r="29" spans="1:11" ht="20.100000000000001" customHeight="1">
      <c r="A29" s="17" t="s">
        <v>55</v>
      </c>
      <c r="B29" s="17"/>
      <c r="C29" s="13">
        <v>13863</v>
      </c>
      <c r="D29" s="14">
        <v>7846</v>
      </c>
      <c r="E29" s="14">
        <v>6017</v>
      </c>
      <c r="F29" s="14"/>
      <c r="G29" s="18" t="s">
        <v>56</v>
      </c>
      <c r="H29" s="17"/>
      <c r="I29" s="13">
        <v>15725</v>
      </c>
      <c r="J29" s="14">
        <v>7493</v>
      </c>
      <c r="K29" s="14">
        <v>8232</v>
      </c>
    </row>
    <row r="30" spans="1:11" ht="15" customHeight="1">
      <c r="A30" s="17" t="s">
        <v>57</v>
      </c>
      <c r="B30" s="17"/>
      <c r="C30" s="13">
        <v>2554</v>
      </c>
      <c r="D30" s="19">
        <v>1371</v>
      </c>
      <c r="E30" s="19">
        <v>1183</v>
      </c>
      <c r="F30" s="19"/>
      <c r="G30" s="18" t="s">
        <v>58</v>
      </c>
      <c r="H30" s="17"/>
      <c r="I30" s="13">
        <v>3720</v>
      </c>
      <c r="J30" s="19">
        <v>1776</v>
      </c>
      <c r="K30" s="19">
        <v>1944</v>
      </c>
    </row>
    <row r="31" spans="1:11" ht="15" customHeight="1">
      <c r="A31" s="17" t="s">
        <v>59</v>
      </c>
      <c r="B31" s="17"/>
      <c r="C31" s="13">
        <v>2495</v>
      </c>
      <c r="D31" s="19">
        <v>1323</v>
      </c>
      <c r="E31" s="19">
        <v>1172</v>
      </c>
      <c r="F31" s="19"/>
      <c r="G31" s="18" t="s">
        <v>60</v>
      </c>
      <c r="H31" s="17"/>
      <c r="I31" s="13">
        <v>3592</v>
      </c>
      <c r="J31" s="19">
        <v>1676</v>
      </c>
      <c r="K31" s="19">
        <v>1916</v>
      </c>
    </row>
    <row r="32" spans="1:11" ht="15" customHeight="1">
      <c r="A32" s="17" t="s">
        <v>61</v>
      </c>
      <c r="B32" s="17"/>
      <c r="C32" s="13">
        <v>2601</v>
      </c>
      <c r="D32" s="19">
        <v>1434</v>
      </c>
      <c r="E32" s="19">
        <v>1167</v>
      </c>
      <c r="F32" s="19"/>
      <c r="G32" s="18" t="s">
        <v>62</v>
      </c>
      <c r="H32" s="17"/>
      <c r="I32" s="13">
        <v>3656</v>
      </c>
      <c r="J32" s="19">
        <v>1718</v>
      </c>
      <c r="K32" s="19">
        <v>1938</v>
      </c>
    </row>
    <row r="33" spans="1:11" ht="15" customHeight="1">
      <c r="A33" s="17" t="s">
        <v>63</v>
      </c>
      <c r="B33" s="17"/>
      <c r="C33" s="13">
        <v>3037</v>
      </c>
      <c r="D33" s="19">
        <v>1818</v>
      </c>
      <c r="E33" s="19">
        <v>1219</v>
      </c>
      <c r="F33" s="19"/>
      <c r="G33" s="18" t="s">
        <v>64</v>
      </c>
      <c r="H33" s="17"/>
      <c r="I33" s="13">
        <v>2564</v>
      </c>
      <c r="J33" s="19">
        <v>1252</v>
      </c>
      <c r="K33" s="19">
        <v>1312</v>
      </c>
    </row>
    <row r="34" spans="1:11" ht="15" customHeight="1">
      <c r="A34" s="17" t="s">
        <v>65</v>
      </c>
      <c r="B34" s="17"/>
      <c r="C34" s="13">
        <v>3176</v>
      </c>
      <c r="D34" s="19">
        <v>1900</v>
      </c>
      <c r="E34" s="19">
        <v>1276</v>
      </c>
      <c r="F34" s="19"/>
      <c r="G34" s="18" t="s">
        <v>66</v>
      </c>
      <c r="H34" s="17"/>
      <c r="I34" s="13">
        <v>2193</v>
      </c>
      <c r="J34" s="19">
        <v>1071</v>
      </c>
      <c r="K34" s="19">
        <v>1122</v>
      </c>
    </row>
    <row r="35" spans="1:11" ht="20.100000000000001" customHeight="1">
      <c r="A35" s="17" t="s">
        <v>67</v>
      </c>
      <c r="B35" s="17"/>
      <c r="C35" s="13">
        <v>12756</v>
      </c>
      <c r="D35" s="14">
        <v>7509</v>
      </c>
      <c r="E35" s="14">
        <v>5247</v>
      </c>
      <c r="F35" s="14"/>
      <c r="G35" s="18" t="s">
        <v>68</v>
      </c>
      <c r="H35" s="17"/>
      <c r="I35" s="13">
        <v>12617</v>
      </c>
      <c r="J35" s="14">
        <v>5961</v>
      </c>
      <c r="K35" s="14">
        <v>6656</v>
      </c>
    </row>
    <row r="36" spans="1:11" ht="15" customHeight="1">
      <c r="A36" s="17" t="s">
        <v>69</v>
      </c>
      <c r="B36" s="17"/>
      <c r="C36" s="13">
        <v>3137</v>
      </c>
      <c r="D36" s="19">
        <v>1942</v>
      </c>
      <c r="E36" s="19">
        <v>1195</v>
      </c>
      <c r="F36" s="19"/>
      <c r="G36" s="18" t="s">
        <v>70</v>
      </c>
      <c r="H36" s="17"/>
      <c r="I36" s="13">
        <v>2688</v>
      </c>
      <c r="J36" s="19">
        <v>1254</v>
      </c>
      <c r="K36" s="19">
        <v>1434</v>
      </c>
    </row>
    <row r="37" spans="1:11" ht="15" customHeight="1">
      <c r="A37" s="17" t="s">
        <v>71</v>
      </c>
      <c r="B37" s="17"/>
      <c r="C37" s="13">
        <v>2814</v>
      </c>
      <c r="D37" s="19">
        <v>1716</v>
      </c>
      <c r="E37" s="19">
        <v>1098</v>
      </c>
      <c r="F37" s="19"/>
      <c r="G37" s="18" t="s">
        <v>72</v>
      </c>
      <c r="H37" s="17"/>
      <c r="I37" s="13">
        <v>2705</v>
      </c>
      <c r="J37" s="19">
        <v>1294</v>
      </c>
      <c r="K37" s="19">
        <v>1411</v>
      </c>
    </row>
    <row r="38" spans="1:11" ht="15" customHeight="1">
      <c r="A38" s="17" t="s">
        <v>73</v>
      </c>
      <c r="B38" s="17"/>
      <c r="C38" s="13">
        <v>2482</v>
      </c>
      <c r="D38" s="19">
        <v>1439</v>
      </c>
      <c r="E38" s="19">
        <v>1043</v>
      </c>
      <c r="F38" s="19"/>
      <c r="G38" s="18" t="s">
        <v>74</v>
      </c>
      <c r="H38" s="17"/>
      <c r="I38" s="13">
        <v>2582</v>
      </c>
      <c r="J38" s="19">
        <v>1216</v>
      </c>
      <c r="K38" s="19">
        <v>1366</v>
      </c>
    </row>
    <row r="39" spans="1:11" ht="15" customHeight="1">
      <c r="A39" s="17" t="s">
        <v>75</v>
      </c>
      <c r="B39" s="17"/>
      <c r="C39" s="13">
        <v>2143</v>
      </c>
      <c r="D39" s="19">
        <v>1197</v>
      </c>
      <c r="E39" s="19">
        <v>946</v>
      </c>
      <c r="F39" s="19"/>
      <c r="G39" s="18" t="s">
        <v>76</v>
      </c>
      <c r="H39" s="17"/>
      <c r="I39" s="13">
        <v>2414</v>
      </c>
      <c r="J39" s="19">
        <v>1144</v>
      </c>
      <c r="K39" s="19">
        <v>1270</v>
      </c>
    </row>
    <row r="40" spans="1:11" ht="15" customHeight="1">
      <c r="A40" s="17" t="s">
        <v>77</v>
      </c>
      <c r="B40" s="17"/>
      <c r="C40" s="13">
        <v>2180</v>
      </c>
      <c r="D40" s="19">
        <v>1215</v>
      </c>
      <c r="E40" s="19">
        <v>965</v>
      </c>
      <c r="F40" s="19"/>
      <c r="G40" s="18" t="s">
        <v>78</v>
      </c>
      <c r="H40" s="17"/>
      <c r="I40" s="13">
        <v>2228</v>
      </c>
      <c r="J40" s="19">
        <v>1053</v>
      </c>
      <c r="K40" s="19">
        <v>1175</v>
      </c>
    </row>
    <row r="41" spans="1:11" ht="20.100000000000001" customHeight="1">
      <c r="A41" s="17" t="s">
        <v>79</v>
      </c>
      <c r="B41" s="17"/>
      <c r="C41" s="13">
        <v>11326</v>
      </c>
      <c r="D41" s="14">
        <v>6232</v>
      </c>
      <c r="E41" s="14">
        <v>5094</v>
      </c>
      <c r="F41" s="14"/>
      <c r="G41" s="18" t="s">
        <v>80</v>
      </c>
      <c r="H41" s="17"/>
      <c r="I41" s="13">
        <v>7658</v>
      </c>
      <c r="J41" s="14">
        <v>3532</v>
      </c>
      <c r="K41" s="14">
        <v>4126</v>
      </c>
    </row>
    <row r="42" spans="1:11" ht="15" customHeight="1">
      <c r="A42" s="17" t="s">
        <v>81</v>
      </c>
      <c r="B42" s="17"/>
      <c r="C42" s="13">
        <v>2093</v>
      </c>
      <c r="D42" s="19">
        <v>1209</v>
      </c>
      <c r="E42" s="19">
        <v>884</v>
      </c>
      <c r="F42" s="19"/>
      <c r="G42" s="18" t="s">
        <v>82</v>
      </c>
      <c r="H42" s="17"/>
      <c r="I42" s="13">
        <v>1793</v>
      </c>
      <c r="J42" s="19">
        <v>849</v>
      </c>
      <c r="K42" s="19">
        <v>944</v>
      </c>
    </row>
    <row r="43" spans="1:11" ht="15" customHeight="1">
      <c r="A43" s="17" t="s">
        <v>83</v>
      </c>
      <c r="B43" s="17"/>
      <c r="C43" s="13">
        <v>2247</v>
      </c>
      <c r="D43" s="19">
        <v>1216</v>
      </c>
      <c r="E43" s="19">
        <v>1031</v>
      </c>
      <c r="F43" s="19"/>
      <c r="G43" s="18" t="s">
        <v>84</v>
      </c>
      <c r="H43" s="17"/>
      <c r="I43" s="13">
        <v>1577</v>
      </c>
      <c r="J43" s="19">
        <v>742</v>
      </c>
      <c r="K43" s="19">
        <v>835</v>
      </c>
    </row>
    <row r="44" spans="1:11" ht="15" customHeight="1">
      <c r="A44" s="17" t="s">
        <v>85</v>
      </c>
      <c r="B44" s="17"/>
      <c r="C44" s="13">
        <v>2240</v>
      </c>
      <c r="D44" s="19">
        <v>1228</v>
      </c>
      <c r="E44" s="19">
        <v>1012</v>
      </c>
      <c r="F44" s="19"/>
      <c r="G44" s="18" t="s">
        <v>86</v>
      </c>
      <c r="H44" s="17"/>
      <c r="I44" s="13">
        <v>1604</v>
      </c>
      <c r="J44" s="19">
        <v>745</v>
      </c>
      <c r="K44" s="19">
        <v>859</v>
      </c>
    </row>
    <row r="45" spans="1:11" ht="15" customHeight="1">
      <c r="A45" s="17" t="s">
        <v>87</v>
      </c>
      <c r="B45" s="17"/>
      <c r="C45" s="13">
        <v>2305</v>
      </c>
      <c r="D45" s="19">
        <v>1260</v>
      </c>
      <c r="E45" s="19">
        <v>1045</v>
      </c>
      <c r="F45" s="19"/>
      <c r="G45" s="18" t="s">
        <v>88</v>
      </c>
      <c r="H45" s="17"/>
      <c r="I45" s="13">
        <v>1386</v>
      </c>
      <c r="J45" s="19">
        <v>639</v>
      </c>
      <c r="K45" s="19">
        <v>747</v>
      </c>
    </row>
    <row r="46" spans="1:11" ht="15" customHeight="1">
      <c r="A46" s="17" t="s">
        <v>89</v>
      </c>
      <c r="B46" s="17"/>
      <c r="C46" s="13">
        <v>2441</v>
      </c>
      <c r="D46" s="19">
        <v>1319</v>
      </c>
      <c r="E46" s="19">
        <v>1122</v>
      </c>
      <c r="F46" s="19"/>
      <c r="G46" s="18" t="s">
        <v>90</v>
      </c>
      <c r="H46" s="17"/>
      <c r="I46" s="13">
        <v>1298</v>
      </c>
      <c r="J46" s="19">
        <v>557</v>
      </c>
      <c r="K46" s="19">
        <v>741</v>
      </c>
    </row>
    <row r="47" spans="1:11" ht="20.100000000000001" customHeight="1">
      <c r="A47" s="17" t="s">
        <v>91</v>
      </c>
      <c r="B47" s="17"/>
      <c r="C47" s="13">
        <v>13436</v>
      </c>
      <c r="D47" s="14">
        <v>7284</v>
      </c>
      <c r="E47" s="14">
        <v>6152</v>
      </c>
      <c r="F47" s="14"/>
      <c r="G47" s="18" t="s">
        <v>92</v>
      </c>
      <c r="H47" s="17"/>
      <c r="I47" s="13">
        <v>4241</v>
      </c>
      <c r="J47" s="14">
        <v>1595</v>
      </c>
      <c r="K47" s="14">
        <v>2646</v>
      </c>
    </row>
    <row r="48" spans="1:11" ht="15" customHeight="1">
      <c r="A48" s="17" t="s">
        <v>93</v>
      </c>
      <c r="B48" s="17"/>
      <c r="C48" s="13">
        <v>2616</v>
      </c>
      <c r="D48" s="19">
        <v>1459</v>
      </c>
      <c r="E48" s="19">
        <v>1157</v>
      </c>
      <c r="F48" s="19"/>
      <c r="G48" s="18" t="s">
        <v>94</v>
      </c>
      <c r="H48" s="17"/>
      <c r="I48" s="13">
        <v>1081</v>
      </c>
      <c r="J48" s="19">
        <v>443</v>
      </c>
      <c r="K48" s="19">
        <v>638</v>
      </c>
    </row>
    <row r="49" spans="1:11" ht="15" customHeight="1">
      <c r="A49" s="17" t="s">
        <v>95</v>
      </c>
      <c r="B49" s="17"/>
      <c r="C49" s="13">
        <v>2674</v>
      </c>
      <c r="D49" s="19">
        <v>1422</v>
      </c>
      <c r="E49" s="19">
        <v>1252</v>
      </c>
      <c r="F49" s="19"/>
      <c r="G49" s="18" t="s">
        <v>96</v>
      </c>
      <c r="H49" s="17"/>
      <c r="I49" s="13">
        <v>945</v>
      </c>
      <c r="J49" s="19">
        <v>372</v>
      </c>
      <c r="K49" s="19">
        <v>573</v>
      </c>
    </row>
    <row r="50" spans="1:11" ht="15" customHeight="1">
      <c r="A50" s="17" t="s">
        <v>97</v>
      </c>
      <c r="B50" s="17"/>
      <c r="C50" s="13">
        <v>2613</v>
      </c>
      <c r="D50" s="19">
        <v>1404</v>
      </c>
      <c r="E50" s="19">
        <v>1209</v>
      </c>
      <c r="F50" s="19"/>
      <c r="G50" s="18" t="s">
        <v>98</v>
      </c>
      <c r="H50" s="17"/>
      <c r="I50" s="13">
        <v>917</v>
      </c>
      <c r="J50" s="19">
        <v>332</v>
      </c>
      <c r="K50" s="19">
        <v>585</v>
      </c>
    </row>
    <row r="51" spans="1:11" ht="15" customHeight="1">
      <c r="A51" s="17" t="s">
        <v>99</v>
      </c>
      <c r="B51" s="17"/>
      <c r="C51" s="13">
        <v>2682</v>
      </c>
      <c r="D51" s="19">
        <v>1442</v>
      </c>
      <c r="E51" s="19">
        <v>1240</v>
      </c>
      <c r="F51" s="19"/>
      <c r="G51" s="18" t="s">
        <v>100</v>
      </c>
      <c r="H51" s="17"/>
      <c r="I51" s="13">
        <v>703</v>
      </c>
      <c r="J51" s="19">
        <v>255</v>
      </c>
      <c r="K51" s="19">
        <v>448</v>
      </c>
    </row>
    <row r="52" spans="1:11" ht="15" customHeight="1">
      <c r="A52" s="17" t="s">
        <v>101</v>
      </c>
      <c r="B52" s="17"/>
      <c r="C52" s="13">
        <v>2851</v>
      </c>
      <c r="D52" s="19">
        <v>1557</v>
      </c>
      <c r="E52" s="19">
        <v>1294</v>
      </c>
      <c r="F52" s="19"/>
      <c r="G52" s="18" t="s">
        <v>102</v>
      </c>
      <c r="H52" s="17"/>
      <c r="I52" s="13">
        <v>595</v>
      </c>
      <c r="J52" s="19">
        <v>193</v>
      </c>
      <c r="K52" s="19">
        <v>402</v>
      </c>
    </row>
    <row r="53" spans="1:11" ht="20.100000000000001" customHeight="1">
      <c r="A53" s="17" t="s">
        <v>103</v>
      </c>
      <c r="B53" s="17"/>
      <c r="C53" s="13">
        <v>16137</v>
      </c>
      <c r="D53" s="14">
        <v>8623</v>
      </c>
      <c r="E53" s="14">
        <v>7514</v>
      </c>
      <c r="F53" s="14"/>
      <c r="G53" s="18" t="s">
        <v>104</v>
      </c>
      <c r="H53" s="17"/>
      <c r="I53" s="13">
        <v>1931</v>
      </c>
      <c r="J53" s="14">
        <v>606</v>
      </c>
      <c r="K53" s="14">
        <v>1325</v>
      </c>
    </row>
    <row r="54" spans="1:11" ht="15" customHeight="1">
      <c r="A54" s="17" t="s">
        <v>105</v>
      </c>
      <c r="B54" s="17"/>
      <c r="C54" s="13">
        <v>2995</v>
      </c>
      <c r="D54" s="19">
        <v>1637</v>
      </c>
      <c r="E54" s="19">
        <v>1358</v>
      </c>
      <c r="F54" s="19"/>
      <c r="G54" s="18" t="s">
        <v>106</v>
      </c>
      <c r="H54" s="17"/>
      <c r="I54" s="13">
        <v>525</v>
      </c>
      <c r="J54" s="19">
        <v>178</v>
      </c>
      <c r="K54" s="19">
        <v>347</v>
      </c>
    </row>
    <row r="55" spans="1:11" ht="15" customHeight="1">
      <c r="A55" s="17" t="s">
        <v>107</v>
      </c>
      <c r="B55" s="17"/>
      <c r="C55" s="13">
        <v>3107</v>
      </c>
      <c r="D55" s="19">
        <v>1648</v>
      </c>
      <c r="E55" s="19">
        <v>1459</v>
      </c>
      <c r="F55" s="19"/>
      <c r="G55" s="18" t="s">
        <v>108</v>
      </c>
      <c r="H55" s="17"/>
      <c r="I55" s="13">
        <v>485</v>
      </c>
      <c r="J55" s="19">
        <v>159</v>
      </c>
      <c r="K55" s="19">
        <v>326</v>
      </c>
    </row>
    <row r="56" spans="1:11" ht="15" customHeight="1">
      <c r="A56" s="17" t="s">
        <v>109</v>
      </c>
      <c r="B56" s="17"/>
      <c r="C56" s="13">
        <v>3192</v>
      </c>
      <c r="D56" s="19">
        <v>1707</v>
      </c>
      <c r="E56" s="19">
        <v>1485</v>
      </c>
      <c r="F56" s="19"/>
      <c r="G56" s="18" t="s">
        <v>110</v>
      </c>
      <c r="H56" s="17"/>
      <c r="I56" s="13">
        <v>376</v>
      </c>
      <c r="J56" s="19">
        <v>118</v>
      </c>
      <c r="K56" s="19">
        <v>258</v>
      </c>
    </row>
    <row r="57" spans="1:11" ht="15" customHeight="1">
      <c r="A57" s="17" t="s">
        <v>111</v>
      </c>
      <c r="B57" s="17"/>
      <c r="C57" s="13">
        <v>3254</v>
      </c>
      <c r="D57" s="19">
        <v>1763</v>
      </c>
      <c r="E57" s="19">
        <v>1491</v>
      </c>
      <c r="F57" s="19"/>
      <c r="G57" s="18" t="s">
        <v>112</v>
      </c>
      <c r="H57" s="17"/>
      <c r="I57" s="13">
        <v>280</v>
      </c>
      <c r="J57" s="19">
        <v>77</v>
      </c>
      <c r="K57" s="19">
        <v>203</v>
      </c>
    </row>
    <row r="58" spans="1:11" ht="15" customHeight="1">
      <c r="A58" s="17" t="s">
        <v>113</v>
      </c>
      <c r="B58" s="17"/>
      <c r="C58" s="13">
        <v>3589</v>
      </c>
      <c r="D58" s="19">
        <v>1868</v>
      </c>
      <c r="E58" s="19">
        <v>1721</v>
      </c>
      <c r="F58" s="19"/>
      <c r="G58" s="18" t="s">
        <v>114</v>
      </c>
      <c r="H58" s="17"/>
      <c r="I58" s="13">
        <v>265</v>
      </c>
      <c r="J58" s="19">
        <v>74</v>
      </c>
      <c r="K58" s="19">
        <v>191</v>
      </c>
    </row>
    <row r="59" spans="1:11" ht="20.100000000000001" customHeight="1">
      <c r="A59" s="17" t="s">
        <v>115</v>
      </c>
      <c r="B59" s="17"/>
      <c r="C59" s="13">
        <v>19412</v>
      </c>
      <c r="D59" s="14">
        <v>10442</v>
      </c>
      <c r="E59" s="14">
        <v>8970</v>
      </c>
      <c r="F59" s="14"/>
      <c r="G59" s="18" t="s">
        <v>116</v>
      </c>
      <c r="H59" s="17"/>
      <c r="I59" s="13">
        <v>499</v>
      </c>
      <c r="J59" s="14">
        <v>109</v>
      </c>
      <c r="K59" s="14">
        <v>390</v>
      </c>
    </row>
    <row r="60" spans="1:11" ht="15" customHeight="1">
      <c r="A60" s="17" t="s">
        <v>117</v>
      </c>
      <c r="B60" s="17"/>
      <c r="C60" s="13">
        <v>3730</v>
      </c>
      <c r="D60" s="19">
        <v>2004</v>
      </c>
      <c r="E60" s="19">
        <v>1726</v>
      </c>
      <c r="F60" s="19"/>
      <c r="G60" s="18" t="s">
        <v>118</v>
      </c>
      <c r="H60" s="17"/>
      <c r="I60" s="13">
        <v>169</v>
      </c>
      <c r="J60" s="19">
        <v>29</v>
      </c>
      <c r="K60" s="19">
        <v>140</v>
      </c>
    </row>
    <row r="61" spans="1:11" ht="15" customHeight="1">
      <c r="A61" s="17" t="s">
        <v>119</v>
      </c>
      <c r="B61" s="17"/>
      <c r="C61" s="13">
        <v>4045</v>
      </c>
      <c r="D61" s="19">
        <v>2197</v>
      </c>
      <c r="E61" s="19">
        <v>1848</v>
      </c>
      <c r="F61" s="19"/>
      <c r="G61" s="18" t="s">
        <v>120</v>
      </c>
      <c r="H61" s="17"/>
      <c r="I61" s="13">
        <v>126</v>
      </c>
      <c r="J61" s="19">
        <v>37</v>
      </c>
      <c r="K61" s="19">
        <v>89</v>
      </c>
    </row>
    <row r="62" spans="1:11" ht="15" customHeight="1">
      <c r="A62" s="17" t="s">
        <v>121</v>
      </c>
      <c r="B62" s="17"/>
      <c r="C62" s="13">
        <v>4033</v>
      </c>
      <c r="D62" s="19">
        <v>2137</v>
      </c>
      <c r="E62" s="19">
        <v>1896</v>
      </c>
      <c r="F62" s="19"/>
      <c r="G62" s="18" t="s">
        <v>122</v>
      </c>
      <c r="H62" s="17"/>
      <c r="I62" s="13">
        <v>80</v>
      </c>
      <c r="J62" s="19">
        <v>12</v>
      </c>
      <c r="K62" s="19">
        <v>68</v>
      </c>
    </row>
    <row r="63" spans="1:11" ht="15" customHeight="1">
      <c r="A63" s="17" t="s">
        <v>123</v>
      </c>
      <c r="B63" s="17"/>
      <c r="C63" s="13">
        <v>3839</v>
      </c>
      <c r="D63" s="19">
        <v>2065</v>
      </c>
      <c r="E63" s="19">
        <v>1774</v>
      </c>
      <c r="F63" s="19"/>
      <c r="G63" s="18" t="s">
        <v>124</v>
      </c>
      <c r="H63" s="17"/>
      <c r="I63" s="13">
        <v>77</v>
      </c>
      <c r="J63" s="19">
        <v>10</v>
      </c>
      <c r="K63" s="19">
        <v>67</v>
      </c>
    </row>
    <row r="64" spans="1:11" ht="15" customHeight="1">
      <c r="A64" s="17" t="s">
        <v>125</v>
      </c>
      <c r="B64" s="17"/>
      <c r="C64" s="13">
        <v>3765</v>
      </c>
      <c r="D64" s="19">
        <v>2039</v>
      </c>
      <c r="E64" s="19">
        <v>1726</v>
      </c>
      <c r="F64" s="19"/>
      <c r="G64" s="18" t="s">
        <v>126</v>
      </c>
      <c r="H64" s="17"/>
      <c r="I64" s="13">
        <v>47</v>
      </c>
      <c r="J64" s="19">
        <v>21</v>
      </c>
      <c r="K64" s="19">
        <v>2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4</v>
      </c>
      <c r="J65" s="19">
        <v>19</v>
      </c>
      <c r="K65" s="19">
        <v>10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27</v>
      </c>
      <c r="J66" s="29">
        <v>614</v>
      </c>
      <c r="K66" s="29">
        <v>513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5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7894</v>
      </c>
      <c r="D4" s="14">
        <v>118835</v>
      </c>
      <c r="E4" s="14">
        <v>11905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612</v>
      </c>
      <c r="D5" s="14">
        <v>4836</v>
      </c>
      <c r="E5" s="14">
        <v>4776</v>
      </c>
      <c r="F5" s="14"/>
      <c r="G5" s="18" t="s">
        <v>8</v>
      </c>
      <c r="H5" s="17"/>
      <c r="I5" s="13">
        <v>18419</v>
      </c>
      <c r="J5" s="14">
        <v>9486</v>
      </c>
      <c r="K5" s="14">
        <v>8933</v>
      </c>
    </row>
    <row r="6" spans="1:11" ht="15" customHeight="1">
      <c r="A6" s="17" t="s">
        <v>9</v>
      </c>
      <c r="B6" s="17"/>
      <c r="C6" s="13">
        <v>1906</v>
      </c>
      <c r="D6" s="19">
        <v>953</v>
      </c>
      <c r="E6" s="19">
        <v>953</v>
      </c>
      <c r="F6" s="19"/>
      <c r="G6" s="18" t="s">
        <v>10</v>
      </c>
      <c r="H6" s="17"/>
      <c r="I6" s="13">
        <v>3924</v>
      </c>
      <c r="J6" s="19">
        <v>2027</v>
      </c>
      <c r="K6" s="19">
        <v>1897</v>
      </c>
    </row>
    <row r="7" spans="1:11" ht="15" customHeight="1">
      <c r="A7" s="17" t="s">
        <v>11</v>
      </c>
      <c r="B7" s="17"/>
      <c r="C7" s="13">
        <v>1868</v>
      </c>
      <c r="D7" s="19">
        <v>936</v>
      </c>
      <c r="E7" s="19">
        <v>932</v>
      </c>
      <c r="F7" s="19"/>
      <c r="G7" s="18" t="s">
        <v>12</v>
      </c>
      <c r="H7" s="17"/>
      <c r="I7" s="13">
        <v>3785</v>
      </c>
      <c r="J7" s="19">
        <v>1922</v>
      </c>
      <c r="K7" s="19">
        <v>1863</v>
      </c>
    </row>
    <row r="8" spans="1:11" ht="15" customHeight="1">
      <c r="A8" s="17" t="s">
        <v>13</v>
      </c>
      <c r="B8" s="17"/>
      <c r="C8" s="13">
        <v>1914</v>
      </c>
      <c r="D8" s="19">
        <v>950</v>
      </c>
      <c r="E8" s="19">
        <v>964</v>
      </c>
      <c r="F8" s="19"/>
      <c r="G8" s="18" t="s">
        <v>14</v>
      </c>
      <c r="H8" s="17"/>
      <c r="I8" s="13">
        <v>4042</v>
      </c>
      <c r="J8" s="19">
        <v>2119</v>
      </c>
      <c r="K8" s="19">
        <v>1923</v>
      </c>
    </row>
    <row r="9" spans="1:11" ht="15" customHeight="1">
      <c r="A9" s="17" t="s">
        <v>15</v>
      </c>
      <c r="B9" s="17"/>
      <c r="C9" s="13">
        <v>1985</v>
      </c>
      <c r="D9" s="19">
        <v>1000</v>
      </c>
      <c r="E9" s="19">
        <v>985</v>
      </c>
      <c r="F9" s="19"/>
      <c r="G9" s="18" t="s">
        <v>16</v>
      </c>
      <c r="H9" s="17"/>
      <c r="I9" s="13">
        <v>2967</v>
      </c>
      <c r="J9" s="19">
        <v>1544</v>
      </c>
      <c r="K9" s="19">
        <v>1423</v>
      </c>
    </row>
    <row r="10" spans="1:11" ht="15" customHeight="1">
      <c r="A10" s="17" t="s">
        <v>17</v>
      </c>
      <c r="B10" s="17"/>
      <c r="C10" s="13">
        <v>1939</v>
      </c>
      <c r="D10" s="19">
        <v>997</v>
      </c>
      <c r="E10" s="19">
        <v>942</v>
      </c>
      <c r="F10" s="19"/>
      <c r="G10" s="18" t="s">
        <v>18</v>
      </c>
      <c r="H10" s="17"/>
      <c r="I10" s="13">
        <v>3701</v>
      </c>
      <c r="J10" s="19">
        <v>1874</v>
      </c>
      <c r="K10" s="19">
        <v>1827</v>
      </c>
    </row>
    <row r="11" spans="1:11" ht="20.100000000000001" customHeight="1">
      <c r="A11" s="17" t="s">
        <v>19</v>
      </c>
      <c r="B11" s="17"/>
      <c r="C11" s="13">
        <v>9860</v>
      </c>
      <c r="D11" s="14">
        <v>4986</v>
      </c>
      <c r="E11" s="14">
        <v>4874</v>
      </c>
      <c r="F11" s="14"/>
      <c r="G11" s="18" t="s">
        <v>20</v>
      </c>
      <c r="H11" s="17"/>
      <c r="I11" s="13">
        <v>14658</v>
      </c>
      <c r="J11" s="14">
        <v>7652</v>
      </c>
      <c r="K11" s="14">
        <v>7006</v>
      </c>
    </row>
    <row r="12" spans="1:11" ht="15" customHeight="1">
      <c r="A12" s="17" t="s">
        <v>21</v>
      </c>
      <c r="B12" s="17"/>
      <c r="C12" s="13">
        <v>1967</v>
      </c>
      <c r="D12" s="19">
        <v>1018</v>
      </c>
      <c r="E12" s="19">
        <v>949</v>
      </c>
      <c r="F12" s="19"/>
      <c r="G12" s="18" t="s">
        <v>22</v>
      </c>
      <c r="H12" s="17"/>
      <c r="I12" s="13">
        <v>3255</v>
      </c>
      <c r="J12" s="19">
        <v>1690</v>
      </c>
      <c r="K12" s="19">
        <v>1565</v>
      </c>
    </row>
    <row r="13" spans="1:11" ht="15" customHeight="1">
      <c r="A13" s="17" t="s">
        <v>23</v>
      </c>
      <c r="B13" s="17"/>
      <c r="C13" s="13">
        <v>1914</v>
      </c>
      <c r="D13" s="19">
        <v>967</v>
      </c>
      <c r="E13" s="19">
        <v>947</v>
      </c>
      <c r="F13" s="19"/>
      <c r="G13" s="18" t="s">
        <v>24</v>
      </c>
      <c r="H13" s="17"/>
      <c r="I13" s="13">
        <v>3023</v>
      </c>
      <c r="J13" s="19">
        <v>1639</v>
      </c>
      <c r="K13" s="19">
        <v>1384</v>
      </c>
    </row>
    <row r="14" spans="1:11" ht="15" customHeight="1">
      <c r="A14" s="17" t="s">
        <v>25</v>
      </c>
      <c r="B14" s="17"/>
      <c r="C14" s="13">
        <v>2007</v>
      </c>
      <c r="D14" s="19">
        <v>1012</v>
      </c>
      <c r="E14" s="19">
        <v>995</v>
      </c>
      <c r="F14" s="19"/>
      <c r="G14" s="18" t="s">
        <v>26</v>
      </c>
      <c r="H14" s="17"/>
      <c r="I14" s="13">
        <v>2947</v>
      </c>
      <c r="J14" s="19">
        <v>1493</v>
      </c>
      <c r="K14" s="19">
        <v>1454</v>
      </c>
    </row>
    <row r="15" spans="1:11" ht="15" customHeight="1">
      <c r="A15" s="17" t="s">
        <v>27</v>
      </c>
      <c r="B15" s="17"/>
      <c r="C15" s="13">
        <v>1975</v>
      </c>
      <c r="D15" s="19">
        <v>1001</v>
      </c>
      <c r="E15" s="19">
        <v>974</v>
      </c>
      <c r="F15" s="19"/>
      <c r="G15" s="18" t="s">
        <v>28</v>
      </c>
      <c r="H15" s="17"/>
      <c r="I15" s="13">
        <v>2718</v>
      </c>
      <c r="J15" s="19">
        <v>1445</v>
      </c>
      <c r="K15" s="19">
        <v>1273</v>
      </c>
    </row>
    <row r="16" spans="1:11" ht="15" customHeight="1">
      <c r="A16" s="17" t="s">
        <v>29</v>
      </c>
      <c r="B16" s="17"/>
      <c r="C16" s="13">
        <v>1997</v>
      </c>
      <c r="D16" s="19">
        <v>988</v>
      </c>
      <c r="E16" s="19">
        <v>1009</v>
      </c>
      <c r="F16" s="19"/>
      <c r="G16" s="18" t="s">
        <v>30</v>
      </c>
      <c r="H16" s="17"/>
      <c r="I16" s="13">
        <v>2715</v>
      </c>
      <c r="J16" s="19">
        <v>1385</v>
      </c>
      <c r="K16" s="19">
        <v>1330</v>
      </c>
    </row>
    <row r="17" spans="1:11" ht="20.100000000000001" customHeight="1">
      <c r="A17" s="20" t="s">
        <v>31</v>
      </c>
      <c r="B17" s="20"/>
      <c r="C17" s="13">
        <v>9801</v>
      </c>
      <c r="D17" s="14">
        <v>5046</v>
      </c>
      <c r="E17" s="14">
        <v>4755</v>
      </c>
      <c r="F17" s="14"/>
      <c r="G17" s="18" t="s">
        <v>32</v>
      </c>
      <c r="H17" s="17"/>
      <c r="I17" s="13">
        <v>12021</v>
      </c>
      <c r="J17" s="14">
        <v>6207</v>
      </c>
      <c r="K17" s="14">
        <v>5814</v>
      </c>
    </row>
    <row r="18" spans="1:11" ht="15" customHeight="1">
      <c r="A18" s="17" t="s">
        <v>33</v>
      </c>
      <c r="B18" s="17"/>
      <c r="C18" s="13">
        <v>1989</v>
      </c>
      <c r="D18" s="19">
        <v>1035</v>
      </c>
      <c r="E18" s="19">
        <v>954</v>
      </c>
      <c r="F18" s="19"/>
      <c r="G18" s="18" t="s">
        <v>34</v>
      </c>
      <c r="H18" s="17"/>
      <c r="I18" s="13">
        <v>2514</v>
      </c>
      <c r="J18" s="19">
        <v>1310</v>
      </c>
      <c r="K18" s="19">
        <v>1204</v>
      </c>
    </row>
    <row r="19" spans="1:11" ht="15" customHeight="1">
      <c r="A19" s="17" t="s">
        <v>35</v>
      </c>
      <c r="B19" s="17"/>
      <c r="C19" s="13">
        <v>2074</v>
      </c>
      <c r="D19" s="19">
        <v>1057</v>
      </c>
      <c r="E19" s="19">
        <v>1017</v>
      </c>
      <c r="F19" s="19"/>
      <c r="G19" s="18" t="s">
        <v>36</v>
      </c>
      <c r="H19" s="17"/>
      <c r="I19" s="13">
        <v>2500</v>
      </c>
      <c r="J19" s="19">
        <v>1305</v>
      </c>
      <c r="K19" s="19">
        <v>1195</v>
      </c>
    </row>
    <row r="20" spans="1:11" ht="15" customHeight="1">
      <c r="A20" s="17" t="s">
        <v>37</v>
      </c>
      <c r="B20" s="17"/>
      <c r="C20" s="13">
        <v>1944</v>
      </c>
      <c r="D20" s="19">
        <v>996</v>
      </c>
      <c r="E20" s="19">
        <v>948</v>
      </c>
      <c r="F20" s="19"/>
      <c r="G20" s="18" t="s">
        <v>38</v>
      </c>
      <c r="H20" s="17"/>
      <c r="I20" s="13">
        <v>2359</v>
      </c>
      <c r="J20" s="19">
        <v>1225</v>
      </c>
      <c r="K20" s="19">
        <v>1134</v>
      </c>
    </row>
    <row r="21" spans="1:11" ht="15" customHeight="1">
      <c r="A21" s="17" t="s">
        <v>39</v>
      </c>
      <c r="B21" s="17"/>
      <c r="C21" s="13">
        <v>1937</v>
      </c>
      <c r="D21" s="19">
        <v>996</v>
      </c>
      <c r="E21" s="19">
        <v>941</v>
      </c>
      <c r="F21" s="19"/>
      <c r="G21" s="18" t="s">
        <v>40</v>
      </c>
      <c r="H21" s="17"/>
      <c r="I21" s="13">
        <v>2269</v>
      </c>
      <c r="J21" s="19">
        <v>1172</v>
      </c>
      <c r="K21" s="19">
        <v>1097</v>
      </c>
    </row>
    <row r="22" spans="1:11" ht="15" customHeight="1">
      <c r="A22" s="17" t="s">
        <v>41</v>
      </c>
      <c r="B22" s="17"/>
      <c r="C22" s="13">
        <v>1857</v>
      </c>
      <c r="D22" s="19">
        <v>962</v>
      </c>
      <c r="E22" s="19">
        <v>895</v>
      </c>
      <c r="F22" s="19"/>
      <c r="G22" s="18" t="s">
        <v>42</v>
      </c>
      <c r="H22" s="17"/>
      <c r="I22" s="13">
        <v>2379</v>
      </c>
      <c r="J22" s="19">
        <v>1195</v>
      </c>
      <c r="K22" s="19">
        <v>1184</v>
      </c>
    </row>
    <row r="23" spans="1:11" ht="20.100000000000001" customHeight="1">
      <c r="A23" s="17" t="s">
        <v>43</v>
      </c>
      <c r="B23" s="17"/>
      <c r="C23" s="13">
        <v>10444</v>
      </c>
      <c r="D23" s="14">
        <v>5348</v>
      </c>
      <c r="E23" s="14">
        <v>5096</v>
      </c>
      <c r="F23" s="14"/>
      <c r="G23" s="18" t="s">
        <v>44</v>
      </c>
      <c r="H23" s="17"/>
      <c r="I23" s="13">
        <v>13121</v>
      </c>
      <c r="J23" s="14">
        <v>6392</v>
      </c>
      <c r="K23" s="14">
        <v>6729</v>
      </c>
    </row>
    <row r="24" spans="1:11" ht="15" customHeight="1">
      <c r="A24" s="17" t="s">
        <v>45</v>
      </c>
      <c r="B24" s="17"/>
      <c r="C24" s="13">
        <v>1972</v>
      </c>
      <c r="D24" s="19">
        <v>1045</v>
      </c>
      <c r="E24" s="19">
        <v>927</v>
      </c>
      <c r="F24" s="19"/>
      <c r="G24" s="18" t="s">
        <v>46</v>
      </c>
      <c r="H24" s="17"/>
      <c r="I24" s="13">
        <v>2339</v>
      </c>
      <c r="J24" s="19">
        <v>1198</v>
      </c>
      <c r="K24" s="19">
        <v>1141</v>
      </c>
    </row>
    <row r="25" spans="1:11" ht="15" customHeight="1">
      <c r="A25" s="17" t="s">
        <v>47</v>
      </c>
      <c r="B25" s="17"/>
      <c r="C25" s="13">
        <v>1987</v>
      </c>
      <c r="D25" s="19">
        <v>1040</v>
      </c>
      <c r="E25" s="19">
        <v>947</v>
      </c>
      <c r="F25" s="19"/>
      <c r="G25" s="18" t="s">
        <v>48</v>
      </c>
      <c r="H25" s="17"/>
      <c r="I25" s="13">
        <v>2377</v>
      </c>
      <c r="J25" s="19">
        <v>1183</v>
      </c>
      <c r="K25" s="19">
        <v>1194</v>
      </c>
    </row>
    <row r="26" spans="1:11" ht="15" customHeight="1">
      <c r="A26" s="17" t="s">
        <v>49</v>
      </c>
      <c r="B26" s="17"/>
      <c r="C26" s="13">
        <v>2120</v>
      </c>
      <c r="D26" s="19">
        <v>1052</v>
      </c>
      <c r="E26" s="19">
        <v>1068</v>
      </c>
      <c r="F26" s="19"/>
      <c r="G26" s="18" t="s">
        <v>50</v>
      </c>
      <c r="H26" s="17"/>
      <c r="I26" s="13">
        <v>2644</v>
      </c>
      <c r="J26" s="19">
        <v>1287</v>
      </c>
      <c r="K26" s="19">
        <v>1357</v>
      </c>
    </row>
    <row r="27" spans="1:11" ht="15" customHeight="1">
      <c r="A27" s="17" t="s">
        <v>51</v>
      </c>
      <c r="B27" s="17"/>
      <c r="C27" s="13">
        <v>2016</v>
      </c>
      <c r="D27" s="19">
        <v>992</v>
      </c>
      <c r="E27" s="19">
        <v>1024</v>
      </c>
      <c r="F27" s="19"/>
      <c r="G27" s="18" t="s">
        <v>52</v>
      </c>
      <c r="H27" s="17"/>
      <c r="I27" s="13">
        <v>2738</v>
      </c>
      <c r="J27" s="19">
        <v>1345</v>
      </c>
      <c r="K27" s="19">
        <v>1393</v>
      </c>
    </row>
    <row r="28" spans="1:11" ht="15" customHeight="1">
      <c r="A28" s="17" t="s">
        <v>53</v>
      </c>
      <c r="B28" s="17"/>
      <c r="C28" s="13">
        <v>2349</v>
      </c>
      <c r="D28" s="19">
        <v>1219</v>
      </c>
      <c r="E28" s="19">
        <v>1130</v>
      </c>
      <c r="F28" s="19"/>
      <c r="G28" s="18" t="s">
        <v>54</v>
      </c>
      <c r="H28" s="17"/>
      <c r="I28" s="13">
        <v>3023</v>
      </c>
      <c r="J28" s="19">
        <v>1379</v>
      </c>
      <c r="K28" s="19">
        <v>1644</v>
      </c>
    </row>
    <row r="29" spans="1:11" ht="20.100000000000001" customHeight="1">
      <c r="A29" s="17" t="s">
        <v>55</v>
      </c>
      <c r="B29" s="17"/>
      <c r="C29" s="13">
        <v>13029</v>
      </c>
      <c r="D29" s="14">
        <v>6631</v>
      </c>
      <c r="E29" s="14">
        <v>6398</v>
      </c>
      <c r="F29" s="14"/>
      <c r="G29" s="18" t="s">
        <v>56</v>
      </c>
      <c r="H29" s="17"/>
      <c r="I29" s="13">
        <v>14713</v>
      </c>
      <c r="J29" s="14">
        <v>6762</v>
      </c>
      <c r="K29" s="14">
        <v>7951</v>
      </c>
    </row>
    <row r="30" spans="1:11" ht="15" customHeight="1">
      <c r="A30" s="17" t="s">
        <v>57</v>
      </c>
      <c r="B30" s="17"/>
      <c r="C30" s="13">
        <v>2406</v>
      </c>
      <c r="D30" s="19">
        <v>1205</v>
      </c>
      <c r="E30" s="19">
        <v>1201</v>
      </c>
      <c r="F30" s="19"/>
      <c r="G30" s="18" t="s">
        <v>58</v>
      </c>
      <c r="H30" s="17"/>
      <c r="I30" s="13">
        <v>3443</v>
      </c>
      <c r="J30" s="19">
        <v>1600</v>
      </c>
      <c r="K30" s="19">
        <v>1843</v>
      </c>
    </row>
    <row r="31" spans="1:11" ht="15" customHeight="1">
      <c r="A31" s="17" t="s">
        <v>59</v>
      </c>
      <c r="B31" s="17"/>
      <c r="C31" s="13">
        <v>2547</v>
      </c>
      <c r="D31" s="19">
        <v>1259</v>
      </c>
      <c r="E31" s="19">
        <v>1288</v>
      </c>
      <c r="F31" s="19"/>
      <c r="G31" s="18" t="s">
        <v>60</v>
      </c>
      <c r="H31" s="17"/>
      <c r="I31" s="13">
        <v>3389</v>
      </c>
      <c r="J31" s="19">
        <v>1599</v>
      </c>
      <c r="K31" s="19">
        <v>1790</v>
      </c>
    </row>
    <row r="32" spans="1:11" ht="15" customHeight="1">
      <c r="A32" s="17" t="s">
        <v>61</v>
      </c>
      <c r="B32" s="17"/>
      <c r="C32" s="13">
        <v>2576</v>
      </c>
      <c r="D32" s="19">
        <v>1356</v>
      </c>
      <c r="E32" s="19">
        <v>1220</v>
      </c>
      <c r="F32" s="19"/>
      <c r="G32" s="18" t="s">
        <v>62</v>
      </c>
      <c r="H32" s="17"/>
      <c r="I32" s="13">
        <v>3460</v>
      </c>
      <c r="J32" s="19">
        <v>1533</v>
      </c>
      <c r="K32" s="19">
        <v>1927</v>
      </c>
    </row>
    <row r="33" spans="1:11" ht="15" customHeight="1">
      <c r="A33" s="17" t="s">
        <v>63</v>
      </c>
      <c r="B33" s="17"/>
      <c r="C33" s="13">
        <v>2689</v>
      </c>
      <c r="D33" s="19">
        <v>1343</v>
      </c>
      <c r="E33" s="19">
        <v>1346</v>
      </c>
      <c r="F33" s="19"/>
      <c r="G33" s="18" t="s">
        <v>64</v>
      </c>
      <c r="H33" s="17"/>
      <c r="I33" s="13">
        <v>2300</v>
      </c>
      <c r="J33" s="19">
        <v>1066</v>
      </c>
      <c r="K33" s="19">
        <v>1234</v>
      </c>
    </row>
    <row r="34" spans="1:11" ht="15" customHeight="1">
      <c r="A34" s="17" t="s">
        <v>65</v>
      </c>
      <c r="B34" s="17"/>
      <c r="C34" s="13">
        <v>2811</v>
      </c>
      <c r="D34" s="19">
        <v>1468</v>
      </c>
      <c r="E34" s="19">
        <v>1343</v>
      </c>
      <c r="F34" s="19"/>
      <c r="G34" s="18" t="s">
        <v>66</v>
      </c>
      <c r="H34" s="17"/>
      <c r="I34" s="13">
        <v>2121</v>
      </c>
      <c r="J34" s="19">
        <v>964</v>
      </c>
      <c r="K34" s="19">
        <v>1157</v>
      </c>
    </row>
    <row r="35" spans="1:11" ht="20.100000000000001" customHeight="1">
      <c r="A35" s="17" t="s">
        <v>67</v>
      </c>
      <c r="B35" s="17"/>
      <c r="C35" s="13">
        <v>13875</v>
      </c>
      <c r="D35" s="14">
        <v>7225</v>
      </c>
      <c r="E35" s="14">
        <v>6650</v>
      </c>
      <c r="F35" s="14"/>
      <c r="G35" s="18" t="s">
        <v>68</v>
      </c>
      <c r="H35" s="17"/>
      <c r="I35" s="13">
        <v>13311</v>
      </c>
      <c r="J35" s="14">
        <v>6000</v>
      </c>
      <c r="K35" s="14">
        <v>7311</v>
      </c>
    </row>
    <row r="36" spans="1:11" ht="15" customHeight="1">
      <c r="A36" s="17" t="s">
        <v>69</v>
      </c>
      <c r="B36" s="17"/>
      <c r="C36" s="13">
        <v>2828</v>
      </c>
      <c r="D36" s="19">
        <v>1409</v>
      </c>
      <c r="E36" s="19">
        <v>1419</v>
      </c>
      <c r="F36" s="19"/>
      <c r="G36" s="18" t="s">
        <v>70</v>
      </c>
      <c r="H36" s="17"/>
      <c r="I36" s="13">
        <v>2633</v>
      </c>
      <c r="J36" s="19">
        <v>1126</v>
      </c>
      <c r="K36" s="19">
        <v>1507</v>
      </c>
    </row>
    <row r="37" spans="1:11" ht="15" customHeight="1">
      <c r="A37" s="17" t="s">
        <v>71</v>
      </c>
      <c r="B37" s="17"/>
      <c r="C37" s="13">
        <v>2771</v>
      </c>
      <c r="D37" s="19">
        <v>1439</v>
      </c>
      <c r="E37" s="19">
        <v>1332</v>
      </c>
      <c r="F37" s="19"/>
      <c r="G37" s="18" t="s">
        <v>72</v>
      </c>
      <c r="H37" s="17"/>
      <c r="I37" s="13">
        <v>2979</v>
      </c>
      <c r="J37" s="19">
        <v>1385</v>
      </c>
      <c r="K37" s="19">
        <v>1594</v>
      </c>
    </row>
    <row r="38" spans="1:11" ht="15" customHeight="1">
      <c r="A38" s="17" t="s">
        <v>73</v>
      </c>
      <c r="B38" s="17"/>
      <c r="C38" s="13">
        <v>2846</v>
      </c>
      <c r="D38" s="19">
        <v>1528</v>
      </c>
      <c r="E38" s="19">
        <v>1318</v>
      </c>
      <c r="F38" s="19"/>
      <c r="G38" s="18" t="s">
        <v>74</v>
      </c>
      <c r="H38" s="17"/>
      <c r="I38" s="13">
        <v>2668</v>
      </c>
      <c r="J38" s="19">
        <v>1198</v>
      </c>
      <c r="K38" s="19">
        <v>1470</v>
      </c>
    </row>
    <row r="39" spans="1:11" ht="15" customHeight="1">
      <c r="A39" s="17" t="s">
        <v>75</v>
      </c>
      <c r="B39" s="17"/>
      <c r="C39" s="13">
        <v>2749</v>
      </c>
      <c r="D39" s="19">
        <v>1465</v>
      </c>
      <c r="E39" s="19">
        <v>1284</v>
      </c>
      <c r="F39" s="19"/>
      <c r="G39" s="18" t="s">
        <v>76</v>
      </c>
      <c r="H39" s="17"/>
      <c r="I39" s="13">
        <v>2665</v>
      </c>
      <c r="J39" s="19">
        <v>1194</v>
      </c>
      <c r="K39" s="19">
        <v>1471</v>
      </c>
    </row>
    <row r="40" spans="1:11" ht="15" customHeight="1">
      <c r="A40" s="17" t="s">
        <v>77</v>
      </c>
      <c r="B40" s="17"/>
      <c r="C40" s="13">
        <v>2681</v>
      </c>
      <c r="D40" s="19">
        <v>1384</v>
      </c>
      <c r="E40" s="19">
        <v>1297</v>
      </c>
      <c r="F40" s="19"/>
      <c r="G40" s="18" t="s">
        <v>78</v>
      </c>
      <c r="H40" s="17"/>
      <c r="I40" s="13">
        <v>2366</v>
      </c>
      <c r="J40" s="19">
        <v>1097</v>
      </c>
      <c r="K40" s="19">
        <v>1269</v>
      </c>
    </row>
    <row r="41" spans="1:11" ht="20.100000000000001" customHeight="1">
      <c r="A41" s="17" t="s">
        <v>79</v>
      </c>
      <c r="B41" s="17"/>
      <c r="C41" s="13">
        <v>13894</v>
      </c>
      <c r="D41" s="14">
        <v>7192</v>
      </c>
      <c r="E41" s="14">
        <v>6702</v>
      </c>
      <c r="F41" s="14"/>
      <c r="G41" s="18" t="s">
        <v>80</v>
      </c>
      <c r="H41" s="17"/>
      <c r="I41" s="13">
        <v>8491</v>
      </c>
      <c r="J41" s="14">
        <v>3818</v>
      </c>
      <c r="K41" s="14">
        <v>4673</v>
      </c>
    </row>
    <row r="42" spans="1:11" ht="15" customHeight="1">
      <c r="A42" s="17" t="s">
        <v>81</v>
      </c>
      <c r="B42" s="17"/>
      <c r="C42" s="13">
        <v>2551</v>
      </c>
      <c r="D42" s="19">
        <v>1287</v>
      </c>
      <c r="E42" s="19">
        <v>1264</v>
      </c>
      <c r="F42" s="19"/>
      <c r="G42" s="18" t="s">
        <v>82</v>
      </c>
      <c r="H42" s="17"/>
      <c r="I42" s="13">
        <v>1871</v>
      </c>
      <c r="J42" s="19">
        <v>838</v>
      </c>
      <c r="K42" s="19">
        <v>1033</v>
      </c>
    </row>
    <row r="43" spans="1:11" ht="15" customHeight="1">
      <c r="A43" s="17" t="s">
        <v>83</v>
      </c>
      <c r="B43" s="17"/>
      <c r="C43" s="13">
        <v>2824</v>
      </c>
      <c r="D43" s="19">
        <v>1505</v>
      </c>
      <c r="E43" s="19">
        <v>1319</v>
      </c>
      <c r="F43" s="19"/>
      <c r="G43" s="18" t="s">
        <v>84</v>
      </c>
      <c r="H43" s="17"/>
      <c r="I43" s="13">
        <v>1782</v>
      </c>
      <c r="J43" s="19">
        <v>814</v>
      </c>
      <c r="K43" s="19">
        <v>968</v>
      </c>
    </row>
    <row r="44" spans="1:11" ht="15" customHeight="1">
      <c r="A44" s="17" t="s">
        <v>85</v>
      </c>
      <c r="B44" s="17"/>
      <c r="C44" s="13">
        <v>2846</v>
      </c>
      <c r="D44" s="19">
        <v>1489</v>
      </c>
      <c r="E44" s="19">
        <v>1357</v>
      </c>
      <c r="F44" s="19"/>
      <c r="G44" s="18" t="s">
        <v>86</v>
      </c>
      <c r="H44" s="17"/>
      <c r="I44" s="13">
        <v>1783</v>
      </c>
      <c r="J44" s="19">
        <v>812</v>
      </c>
      <c r="K44" s="19">
        <v>971</v>
      </c>
    </row>
    <row r="45" spans="1:11" ht="15" customHeight="1">
      <c r="A45" s="17" t="s">
        <v>87</v>
      </c>
      <c r="B45" s="17"/>
      <c r="C45" s="13">
        <v>2833</v>
      </c>
      <c r="D45" s="19">
        <v>1410</v>
      </c>
      <c r="E45" s="19">
        <v>1423</v>
      </c>
      <c r="F45" s="19"/>
      <c r="G45" s="18" t="s">
        <v>88</v>
      </c>
      <c r="H45" s="17"/>
      <c r="I45" s="13">
        <v>1577</v>
      </c>
      <c r="J45" s="19">
        <v>724</v>
      </c>
      <c r="K45" s="19">
        <v>853</v>
      </c>
    </row>
    <row r="46" spans="1:11" ht="15" customHeight="1">
      <c r="A46" s="17" t="s">
        <v>89</v>
      </c>
      <c r="B46" s="17"/>
      <c r="C46" s="13">
        <v>2840</v>
      </c>
      <c r="D46" s="19">
        <v>1501</v>
      </c>
      <c r="E46" s="19">
        <v>1339</v>
      </c>
      <c r="F46" s="19"/>
      <c r="G46" s="18" t="s">
        <v>90</v>
      </c>
      <c r="H46" s="17"/>
      <c r="I46" s="13">
        <v>1478</v>
      </c>
      <c r="J46" s="19">
        <v>630</v>
      </c>
      <c r="K46" s="19">
        <v>848</v>
      </c>
    </row>
    <row r="47" spans="1:11" ht="20.100000000000001" customHeight="1">
      <c r="A47" s="17" t="s">
        <v>91</v>
      </c>
      <c r="B47" s="17"/>
      <c r="C47" s="13">
        <v>15287</v>
      </c>
      <c r="D47" s="14">
        <v>7891</v>
      </c>
      <c r="E47" s="14">
        <v>7396</v>
      </c>
      <c r="F47" s="14"/>
      <c r="G47" s="18" t="s">
        <v>92</v>
      </c>
      <c r="H47" s="17"/>
      <c r="I47" s="13">
        <v>4702</v>
      </c>
      <c r="J47" s="14">
        <v>1714</v>
      </c>
      <c r="K47" s="14">
        <v>2988</v>
      </c>
    </row>
    <row r="48" spans="1:11" ht="15" customHeight="1">
      <c r="A48" s="17" t="s">
        <v>93</v>
      </c>
      <c r="B48" s="17"/>
      <c r="C48" s="13">
        <v>3001</v>
      </c>
      <c r="D48" s="19">
        <v>1551</v>
      </c>
      <c r="E48" s="19">
        <v>1450</v>
      </c>
      <c r="F48" s="19"/>
      <c r="G48" s="18" t="s">
        <v>94</v>
      </c>
      <c r="H48" s="17"/>
      <c r="I48" s="13">
        <v>1176</v>
      </c>
      <c r="J48" s="19">
        <v>443</v>
      </c>
      <c r="K48" s="19">
        <v>733</v>
      </c>
    </row>
    <row r="49" spans="1:11" ht="15" customHeight="1">
      <c r="A49" s="17" t="s">
        <v>95</v>
      </c>
      <c r="B49" s="17"/>
      <c r="C49" s="13">
        <v>3042</v>
      </c>
      <c r="D49" s="19">
        <v>1555</v>
      </c>
      <c r="E49" s="19">
        <v>1487</v>
      </c>
      <c r="F49" s="19"/>
      <c r="G49" s="18" t="s">
        <v>96</v>
      </c>
      <c r="H49" s="17"/>
      <c r="I49" s="13">
        <v>1075</v>
      </c>
      <c r="J49" s="19">
        <v>433</v>
      </c>
      <c r="K49" s="19">
        <v>642</v>
      </c>
    </row>
    <row r="50" spans="1:11" ht="15" customHeight="1">
      <c r="A50" s="17" t="s">
        <v>97</v>
      </c>
      <c r="B50" s="17"/>
      <c r="C50" s="13">
        <v>2931</v>
      </c>
      <c r="D50" s="19">
        <v>1568</v>
      </c>
      <c r="E50" s="19">
        <v>1363</v>
      </c>
      <c r="F50" s="19"/>
      <c r="G50" s="18" t="s">
        <v>98</v>
      </c>
      <c r="H50" s="17"/>
      <c r="I50" s="13">
        <v>952</v>
      </c>
      <c r="J50" s="19">
        <v>317</v>
      </c>
      <c r="K50" s="19">
        <v>635</v>
      </c>
    </row>
    <row r="51" spans="1:11" ht="15" customHeight="1">
      <c r="A51" s="17" t="s">
        <v>99</v>
      </c>
      <c r="B51" s="17"/>
      <c r="C51" s="13">
        <v>3132</v>
      </c>
      <c r="D51" s="19">
        <v>1557</v>
      </c>
      <c r="E51" s="19">
        <v>1575</v>
      </c>
      <c r="F51" s="19"/>
      <c r="G51" s="18" t="s">
        <v>100</v>
      </c>
      <c r="H51" s="17"/>
      <c r="I51" s="13">
        <v>817</v>
      </c>
      <c r="J51" s="19">
        <v>275</v>
      </c>
      <c r="K51" s="19">
        <v>542</v>
      </c>
    </row>
    <row r="52" spans="1:11" ht="15" customHeight="1">
      <c r="A52" s="17" t="s">
        <v>101</v>
      </c>
      <c r="B52" s="17"/>
      <c r="C52" s="13">
        <v>3181</v>
      </c>
      <c r="D52" s="19">
        <v>1660</v>
      </c>
      <c r="E52" s="19">
        <v>1521</v>
      </c>
      <c r="F52" s="19"/>
      <c r="G52" s="18" t="s">
        <v>102</v>
      </c>
      <c r="H52" s="17"/>
      <c r="I52" s="13">
        <v>682</v>
      </c>
      <c r="J52" s="19">
        <v>246</v>
      </c>
      <c r="K52" s="19">
        <v>436</v>
      </c>
    </row>
    <row r="53" spans="1:11" ht="20.100000000000001" customHeight="1">
      <c r="A53" s="17" t="s">
        <v>103</v>
      </c>
      <c r="B53" s="17"/>
      <c r="C53" s="13">
        <v>17533</v>
      </c>
      <c r="D53" s="14">
        <v>9131</v>
      </c>
      <c r="E53" s="14">
        <v>8402</v>
      </c>
      <c r="F53" s="14"/>
      <c r="G53" s="18" t="s">
        <v>104</v>
      </c>
      <c r="H53" s="17"/>
      <c r="I53" s="13">
        <v>2146</v>
      </c>
      <c r="J53" s="14">
        <v>681</v>
      </c>
      <c r="K53" s="14">
        <v>1465</v>
      </c>
    </row>
    <row r="54" spans="1:11" ht="15" customHeight="1">
      <c r="A54" s="17" t="s">
        <v>105</v>
      </c>
      <c r="B54" s="17"/>
      <c r="C54" s="13">
        <v>3263</v>
      </c>
      <c r="D54" s="19">
        <v>1677</v>
      </c>
      <c r="E54" s="19">
        <v>1586</v>
      </c>
      <c r="F54" s="19"/>
      <c r="G54" s="18" t="s">
        <v>106</v>
      </c>
      <c r="H54" s="17"/>
      <c r="I54" s="13">
        <v>551</v>
      </c>
      <c r="J54" s="19">
        <v>172</v>
      </c>
      <c r="K54" s="19">
        <v>379</v>
      </c>
    </row>
    <row r="55" spans="1:11" ht="15" customHeight="1">
      <c r="A55" s="17" t="s">
        <v>107</v>
      </c>
      <c r="B55" s="17"/>
      <c r="C55" s="13">
        <v>3438</v>
      </c>
      <c r="D55" s="19">
        <v>1827</v>
      </c>
      <c r="E55" s="19">
        <v>1611</v>
      </c>
      <c r="F55" s="19"/>
      <c r="G55" s="18" t="s">
        <v>108</v>
      </c>
      <c r="H55" s="17"/>
      <c r="I55" s="13">
        <v>543</v>
      </c>
      <c r="J55" s="19">
        <v>179</v>
      </c>
      <c r="K55" s="19">
        <v>364</v>
      </c>
    </row>
    <row r="56" spans="1:11" ht="15" customHeight="1">
      <c r="A56" s="17" t="s">
        <v>109</v>
      </c>
      <c r="B56" s="17"/>
      <c r="C56" s="13">
        <v>3520</v>
      </c>
      <c r="D56" s="19">
        <v>1800</v>
      </c>
      <c r="E56" s="19">
        <v>1720</v>
      </c>
      <c r="F56" s="19"/>
      <c r="G56" s="18" t="s">
        <v>110</v>
      </c>
      <c r="H56" s="17"/>
      <c r="I56" s="13">
        <v>424</v>
      </c>
      <c r="J56" s="19">
        <v>135</v>
      </c>
      <c r="K56" s="19">
        <v>289</v>
      </c>
    </row>
    <row r="57" spans="1:11" ht="15" customHeight="1">
      <c r="A57" s="17" t="s">
        <v>111</v>
      </c>
      <c r="B57" s="17"/>
      <c r="C57" s="13">
        <v>3575</v>
      </c>
      <c r="D57" s="19">
        <v>1861</v>
      </c>
      <c r="E57" s="19">
        <v>1714</v>
      </c>
      <c r="F57" s="19"/>
      <c r="G57" s="18" t="s">
        <v>112</v>
      </c>
      <c r="H57" s="17"/>
      <c r="I57" s="13">
        <v>361</v>
      </c>
      <c r="J57" s="19">
        <v>118</v>
      </c>
      <c r="K57" s="19">
        <v>243</v>
      </c>
    </row>
    <row r="58" spans="1:11" ht="15" customHeight="1">
      <c r="A58" s="17" t="s">
        <v>113</v>
      </c>
      <c r="B58" s="17"/>
      <c r="C58" s="13">
        <v>3737</v>
      </c>
      <c r="D58" s="19">
        <v>1966</v>
      </c>
      <c r="E58" s="19">
        <v>1771</v>
      </c>
      <c r="F58" s="19"/>
      <c r="G58" s="18" t="s">
        <v>114</v>
      </c>
      <c r="H58" s="17"/>
      <c r="I58" s="13">
        <v>267</v>
      </c>
      <c r="J58" s="19">
        <v>77</v>
      </c>
      <c r="K58" s="19">
        <v>190</v>
      </c>
    </row>
    <row r="59" spans="1:11" ht="20.100000000000001" customHeight="1">
      <c r="A59" s="17" t="s">
        <v>115</v>
      </c>
      <c r="B59" s="17"/>
      <c r="C59" s="13">
        <v>20834</v>
      </c>
      <c r="D59" s="14">
        <v>10846</v>
      </c>
      <c r="E59" s="14">
        <v>9988</v>
      </c>
      <c r="F59" s="14"/>
      <c r="G59" s="18" t="s">
        <v>116</v>
      </c>
      <c r="H59" s="17"/>
      <c r="I59" s="13">
        <v>596</v>
      </c>
      <c r="J59" s="14">
        <v>115</v>
      </c>
      <c r="K59" s="14">
        <v>481</v>
      </c>
    </row>
    <row r="60" spans="1:11" ht="15" customHeight="1">
      <c r="A60" s="17" t="s">
        <v>117</v>
      </c>
      <c r="B60" s="17"/>
      <c r="C60" s="13">
        <v>4085</v>
      </c>
      <c r="D60" s="19">
        <v>2111</v>
      </c>
      <c r="E60" s="19">
        <v>1974</v>
      </c>
      <c r="F60" s="19"/>
      <c r="G60" s="18" t="s">
        <v>118</v>
      </c>
      <c r="H60" s="17"/>
      <c r="I60" s="13">
        <v>159</v>
      </c>
      <c r="J60" s="19">
        <v>35</v>
      </c>
      <c r="K60" s="19">
        <v>124</v>
      </c>
    </row>
    <row r="61" spans="1:11" ht="15" customHeight="1">
      <c r="A61" s="17" t="s">
        <v>119</v>
      </c>
      <c r="B61" s="17"/>
      <c r="C61" s="13">
        <v>4198</v>
      </c>
      <c r="D61" s="19">
        <v>2128</v>
      </c>
      <c r="E61" s="19">
        <v>2070</v>
      </c>
      <c r="F61" s="19"/>
      <c r="G61" s="18" t="s">
        <v>120</v>
      </c>
      <c r="H61" s="17"/>
      <c r="I61" s="13">
        <v>190</v>
      </c>
      <c r="J61" s="19">
        <v>41</v>
      </c>
      <c r="K61" s="19">
        <v>149</v>
      </c>
    </row>
    <row r="62" spans="1:11" ht="15" customHeight="1">
      <c r="A62" s="17" t="s">
        <v>121</v>
      </c>
      <c r="B62" s="17"/>
      <c r="C62" s="13">
        <v>4226</v>
      </c>
      <c r="D62" s="19">
        <v>2169</v>
      </c>
      <c r="E62" s="19">
        <v>2057</v>
      </c>
      <c r="F62" s="19"/>
      <c r="G62" s="18" t="s">
        <v>122</v>
      </c>
      <c r="H62" s="17"/>
      <c r="I62" s="13">
        <v>109</v>
      </c>
      <c r="J62" s="19">
        <v>23</v>
      </c>
      <c r="K62" s="19">
        <v>86</v>
      </c>
    </row>
    <row r="63" spans="1:11" ht="15" customHeight="1">
      <c r="A63" s="17" t="s">
        <v>123</v>
      </c>
      <c r="B63" s="17"/>
      <c r="C63" s="13">
        <v>4221</v>
      </c>
      <c r="D63" s="19">
        <v>2246</v>
      </c>
      <c r="E63" s="19">
        <v>1975</v>
      </c>
      <c r="F63" s="19"/>
      <c r="G63" s="18" t="s">
        <v>124</v>
      </c>
      <c r="H63" s="17"/>
      <c r="I63" s="13">
        <v>80</v>
      </c>
      <c r="J63" s="19">
        <v>8</v>
      </c>
      <c r="K63" s="19">
        <v>72</v>
      </c>
    </row>
    <row r="64" spans="1:11" ht="15" customHeight="1">
      <c r="A64" s="17" t="s">
        <v>125</v>
      </c>
      <c r="B64" s="17"/>
      <c r="C64" s="13">
        <v>4104</v>
      </c>
      <c r="D64" s="19">
        <v>2192</v>
      </c>
      <c r="E64" s="19">
        <v>1912</v>
      </c>
      <c r="F64" s="19"/>
      <c r="G64" s="18" t="s">
        <v>126</v>
      </c>
      <c r="H64" s="17"/>
      <c r="I64" s="13">
        <v>58</v>
      </c>
      <c r="J64" s="19">
        <v>8</v>
      </c>
      <c r="K64" s="19">
        <v>5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5</v>
      </c>
      <c r="J65" s="19">
        <v>26</v>
      </c>
      <c r="K65" s="19">
        <v>9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22</v>
      </c>
      <c r="J66" s="29">
        <v>850</v>
      </c>
      <c r="K66" s="29">
        <v>57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6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4073</v>
      </c>
      <c r="D4" s="14">
        <v>67472</v>
      </c>
      <c r="E4" s="14">
        <v>6660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631</v>
      </c>
      <c r="D5" s="14">
        <v>2938</v>
      </c>
      <c r="E5" s="14">
        <v>2693</v>
      </c>
      <c r="F5" s="14"/>
      <c r="G5" s="18" t="s">
        <v>8</v>
      </c>
      <c r="H5" s="17"/>
      <c r="I5" s="13">
        <v>9901</v>
      </c>
      <c r="J5" s="14">
        <v>5212</v>
      </c>
      <c r="K5" s="14">
        <v>4689</v>
      </c>
    </row>
    <row r="6" spans="1:11" ht="15" customHeight="1">
      <c r="A6" s="17" t="s">
        <v>9</v>
      </c>
      <c r="B6" s="17"/>
      <c r="C6" s="13">
        <v>1093</v>
      </c>
      <c r="D6" s="19">
        <v>572</v>
      </c>
      <c r="E6" s="19">
        <v>521</v>
      </c>
      <c r="F6" s="19"/>
      <c r="G6" s="18" t="s">
        <v>10</v>
      </c>
      <c r="H6" s="17"/>
      <c r="I6" s="13">
        <v>2200</v>
      </c>
      <c r="J6" s="19">
        <v>1173</v>
      </c>
      <c r="K6" s="19">
        <v>1027</v>
      </c>
    </row>
    <row r="7" spans="1:11" ht="15" customHeight="1">
      <c r="A7" s="17" t="s">
        <v>11</v>
      </c>
      <c r="B7" s="17"/>
      <c r="C7" s="13">
        <v>1162</v>
      </c>
      <c r="D7" s="19">
        <v>648</v>
      </c>
      <c r="E7" s="19">
        <v>514</v>
      </c>
      <c r="F7" s="19"/>
      <c r="G7" s="18" t="s">
        <v>12</v>
      </c>
      <c r="H7" s="17"/>
      <c r="I7" s="13">
        <v>2132</v>
      </c>
      <c r="J7" s="19">
        <v>1132</v>
      </c>
      <c r="K7" s="19">
        <v>1000</v>
      </c>
    </row>
    <row r="8" spans="1:11" ht="15" customHeight="1">
      <c r="A8" s="17" t="s">
        <v>13</v>
      </c>
      <c r="B8" s="17"/>
      <c r="C8" s="13">
        <v>1106</v>
      </c>
      <c r="D8" s="19">
        <v>553</v>
      </c>
      <c r="E8" s="19">
        <v>553</v>
      </c>
      <c r="F8" s="19"/>
      <c r="G8" s="18" t="s">
        <v>14</v>
      </c>
      <c r="H8" s="17"/>
      <c r="I8" s="13">
        <v>2077</v>
      </c>
      <c r="J8" s="19">
        <v>1033</v>
      </c>
      <c r="K8" s="19">
        <v>1044</v>
      </c>
    </row>
    <row r="9" spans="1:11" ht="15" customHeight="1">
      <c r="A9" s="17" t="s">
        <v>15</v>
      </c>
      <c r="B9" s="17"/>
      <c r="C9" s="13">
        <v>1151</v>
      </c>
      <c r="D9" s="19">
        <v>595</v>
      </c>
      <c r="E9" s="19">
        <v>556</v>
      </c>
      <c r="F9" s="19"/>
      <c r="G9" s="18" t="s">
        <v>16</v>
      </c>
      <c r="H9" s="17"/>
      <c r="I9" s="13">
        <v>1528</v>
      </c>
      <c r="J9" s="19">
        <v>822</v>
      </c>
      <c r="K9" s="19">
        <v>706</v>
      </c>
    </row>
    <row r="10" spans="1:11" ht="15" customHeight="1">
      <c r="A10" s="17" t="s">
        <v>17</v>
      </c>
      <c r="B10" s="17"/>
      <c r="C10" s="13">
        <v>1119</v>
      </c>
      <c r="D10" s="19">
        <v>570</v>
      </c>
      <c r="E10" s="19">
        <v>549</v>
      </c>
      <c r="F10" s="19"/>
      <c r="G10" s="18" t="s">
        <v>18</v>
      </c>
      <c r="H10" s="17"/>
      <c r="I10" s="13">
        <v>1964</v>
      </c>
      <c r="J10" s="19">
        <v>1052</v>
      </c>
      <c r="K10" s="19">
        <v>912</v>
      </c>
    </row>
    <row r="11" spans="1:11" ht="20.100000000000001" customHeight="1">
      <c r="A11" s="17" t="s">
        <v>19</v>
      </c>
      <c r="B11" s="17"/>
      <c r="C11" s="13">
        <v>5814</v>
      </c>
      <c r="D11" s="14">
        <v>2990</v>
      </c>
      <c r="E11" s="14">
        <v>2824</v>
      </c>
      <c r="F11" s="14"/>
      <c r="G11" s="18" t="s">
        <v>20</v>
      </c>
      <c r="H11" s="17"/>
      <c r="I11" s="13">
        <v>7716</v>
      </c>
      <c r="J11" s="14">
        <v>3985</v>
      </c>
      <c r="K11" s="14">
        <v>3731</v>
      </c>
    </row>
    <row r="12" spans="1:11" ht="15" customHeight="1">
      <c r="A12" s="17" t="s">
        <v>21</v>
      </c>
      <c r="B12" s="17"/>
      <c r="C12" s="13">
        <v>1116</v>
      </c>
      <c r="D12" s="19">
        <v>563</v>
      </c>
      <c r="E12" s="19">
        <v>553</v>
      </c>
      <c r="F12" s="19"/>
      <c r="G12" s="18" t="s">
        <v>22</v>
      </c>
      <c r="H12" s="17"/>
      <c r="I12" s="13">
        <v>1671</v>
      </c>
      <c r="J12" s="19">
        <v>861</v>
      </c>
      <c r="K12" s="19">
        <v>810</v>
      </c>
    </row>
    <row r="13" spans="1:11" ht="15" customHeight="1">
      <c r="A13" s="17" t="s">
        <v>23</v>
      </c>
      <c r="B13" s="17"/>
      <c r="C13" s="13">
        <v>1150</v>
      </c>
      <c r="D13" s="19">
        <v>586</v>
      </c>
      <c r="E13" s="19">
        <v>564</v>
      </c>
      <c r="F13" s="19"/>
      <c r="G13" s="18" t="s">
        <v>24</v>
      </c>
      <c r="H13" s="17"/>
      <c r="I13" s="13">
        <v>1646</v>
      </c>
      <c r="J13" s="19">
        <v>856</v>
      </c>
      <c r="K13" s="19">
        <v>790</v>
      </c>
    </row>
    <row r="14" spans="1:11" ht="15" customHeight="1">
      <c r="A14" s="17" t="s">
        <v>25</v>
      </c>
      <c r="B14" s="17"/>
      <c r="C14" s="13">
        <v>1148</v>
      </c>
      <c r="D14" s="19">
        <v>603</v>
      </c>
      <c r="E14" s="19">
        <v>545</v>
      </c>
      <c r="F14" s="19"/>
      <c r="G14" s="18" t="s">
        <v>26</v>
      </c>
      <c r="H14" s="17"/>
      <c r="I14" s="13">
        <v>1520</v>
      </c>
      <c r="J14" s="19">
        <v>774</v>
      </c>
      <c r="K14" s="19">
        <v>746</v>
      </c>
    </row>
    <row r="15" spans="1:11" ht="15" customHeight="1">
      <c r="A15" s="17" t="s">
        <v>27</v>
      </c>
      <c r="B15" s="17"/>
      <c r="C15" s="13">
        <v>1200</v>
      </c>
      <c r="D15" s="19">
        <v>609</v>
      </c>
      <c r="E15" s="19">
        <v>591</v>
      </c>
      <c r="F15" s="19"/>
      <c r="G15" s="18" t="s">
        <v>28</v>
      </c>
      <c r="H15" s="17"/>
      <c r="I15" s="13">
        <v>1448</v>
      </c>
      <c r="J15" s="19">
        <v>775</v>
      </c>
      <c r="K15" s="19">
        <v>673</v>
      </c>
    </row>
    <row r="16" spans="1:11" ht="15" customHeight="1">
      <c r="A16" s="17" t="s">
        <v>29</v>
      </c>
      <c r="B16" s="17"/>
      <c r="C16" s="13">
        <v>1200</v>
      </c>
      <c r="D16" s="19">
        <v>629</v>
      </c>
      <c r="E16" s="19">
        <v>571</v>
      </c>
      <c r="F16" s="19"/>
      <c r="G16" s="18" t="s">
        <v>30</v>
      </c>
      <c r="H16" s="17"/>
      <c r="I16" s="13">
        <v>1431</v>
      </c>
      <c r="J16" s="19">
        <v>719</v>
      </c>
      <c r="K16" s="19">
        <v>712</v>
      </c>
    </row>
    <row r="17" spans="1:11" ht="20.100000000000001" customHeight="1">
      <c r="A17" s="20" t="s">
        <v>31</v>
      </c>
      <c r="B17" s="20"/>
      <c r="C17" s="13">
        <v>6098</v>
      </c>
      <c r="D17" s="14">
        <v>3118</v>
      </c>
      <c r="E17" s="14">
        <v>2980</v>
      </c>
      <c r="F17" s="14"/>
      <c r="G17" s="18" t="s">
        <v>32</v>
      </c>
      <c r="H17" s="17"/>
      <c r="I17" s="13">
        <v>6750</v>
      </c>
      <c r="J17" s="14">
        <v>3344</v>
      </c>
      <c r="K17" s="14">
        <v>3406</v>
      </c>
    </row>
    <row r="18" spans="1:11" ht="15" customHeight="1">
      <c r="A18" s="17" t="s">
        <v>33</v>
      </c>
      <c r="B18" s="17"/>
      <c r="C18" s="13">
        <v>1194</v>
      </c>
      <c r="D18" s="19">
        <v>620</v>
      </c>
      <c r="E18" s="19">
        <v>574</v>
      </c>
      <c r="F18" s="19"/>
      <c r="G18" s="18" t="s">
        <v>34</v>
      </c>
      <c r="H18" s="17"/>
      <c r="I18" s="13">
        <v>1416</v>
      </c>
      <c r="J18" s="19">
        <v>705</v>
      </c>
      <c r="K18" s="19">
        <v>711</v>
      </c>
    </row>
    <row r="19" spans="1:11" ht="15" customHeight="1">
      <c r="A19" s="17" t="s">
        <v>35</v>
      </c>
      <c r="B19" s="17"/>
      <c r="C19" s="13">
        <v>1202</v>
      </c>
      <c r="D19" s="19">
        <v>605</v>
      </c>
      <c r="E19" s="19">
        <v>597</v>
      </c>
      <c r="F19" s="19"/>
      <c r="G19" s="18" t="s">
        <v>36</v>
      </c>
      <c r="H19" s="17"/>
      <c r="I19" s="13">
        <v>1361</v>
      </c>
      <c r="J19" s="19">
        <v>684</v>
      </c>
      <c r="K19" s="19">
        <v>677</v>
      </c>
    </row>
    <row r="20" spans="1:11" ht="15" customHeight="1">
      <c r="A20" s="17" t="s">
        <v>37</v>
      </c>
      <c r="B20" s="17"/>
      <c r="C20" s="13">
        <v>1196</v>
      </c>
      <c r="D20" s="19">
        <v>599</v>
      </c>
      <c r="E20" s="19">
        <v>597</v>
      </c>
      <c r="F20" s="19"/>
      <c r="G20" s="18" t="s">
        <v>38</v>
      </c>
      <c r="H20" s="17"/>
      <c r="I20" s="13">
        <v>1258</v>
      </c>
      <c r="J20" s="19">
        <v>629</v>
      </c>
      <c r="K20" s="19">
        <v>629</v>
      </c>
    </row>
    <row r="21" spans="1:11" ht="15" customHeight="1">
      <c r="A21" s="17" t="s">
        <v>39</v>
      </c>
      <c r="B21" s="17"/>
      <c r="C21" s="13">
        <v>1236</v>
      </c>
      <c r="D21" s="19">
        <v>634</v>
      </c>
      <c r="E21" s="19">
        <v>602</v>
      </c>
      <c r="F21" s="19"/>
      <c r="G21" s="18" t="s">
        <v>40</v>
      </c>
      <c r="H21" s="17"/>
      <c r="I21" s="13">
        <v>1302</v>
      </c>
      <c r="J21" s="19">
        <v>631</v>
      </c>
      <c r="K21" s="19">
        <v>671</v>
      </c>
    </row>
    <row r="22" spans="1:11" ht="15" customHeight="1">
      <c r="A22" s="17" t="s">
        <v>41</v>
      </c>
      <c r="B22" s="17"/>
      <c r="C22" s="13">
        <v>1270</v>
      </c>
      <c r="D22" s="19">
        <v>660</v>
      </c>
      <c r="E22" s="19">
        <v>610</v>
      </c>
      <c r="F22" s="19"/>
      <c r="G22" s="18" t="s">
        <v>42</v>
      </c>
      <c r="H22" s="17"/>
      <c r="I22" s="13">
        <v>1413</v>
      </c>
      <c r="J22" s="19">
        <v>695</v>
      </c>
      <c r="K22" s="19">
        <v>718</v>
      </c>
    </row>
    <row r="23" spans="1:11" ht="20.100000000000001" customHeight="1">
      <c r="A23" s="17" t="s">
        <v>43</v>
      </c>
      <c r="B23" s="17"/>
      <c r="C23" s="13">
        <v>6415</v>
      </c>
      <c r="D23" s="14">
        <v>3266</v>
      </c>
      <c r="E23" s="14">
        <v>3149</v>
      </c>
      <c r="F23" s="14"/>
      <c r="G23" s="18" t="s">
        <v>44</v>
      </c>
      <c r="H23" s="17"/>
      <c r="I23" s="13">
        <v>8096</v>
      </c>
      <c r="J23" s="14">
        <v>3884</v>
      </c>
      <c r="K23" s="14">
        <v>4212</v>
      </c>
    </row>
    <row r="24" spans="1:11" ht="15" customHeight="1">
      <c r="A24" s="17" t="s">
        <v>45</v>
      </c>
      <c r="B24" s="17"/>
      <c r="C24" s="13">
        <v>1253</v>
      </c>
      <c r="D24" s="19">
        <v>636</v>
      </c>
      <c r="E24" s="19">
        <v>617</v>
      </c>
      <c r="F24" s="19"/>
      <c r="G24" s="18" t="s">
        <v>46</v>
      </c>
      <c r="H24" s="17"/>
      <c r="I24" s="13">
        <v>1444</v>
      </c>
      <c r="J24" s="19">
        <v>710</v>
      </c>
      <c r="K24" s="19">
        <v>734</v>
      </c>
    </row>
    <row r="25" spans="1:11" ht="15" customHeight="1">
      <c r="A25" s="17" t="s">
        <v>47</v>
      </c>
      <c r="B25" s="17"/>
      <c r="C25" s="13">
        <v>1243</v>
      </c>
      <c r="D25" s="19">
        <v>660</v>
      </c>
      <c r="E25" s="19">
        <v>583</v>
      </c>
      <c r="F25" s="19"/>
      <c r="G25" s="18" t="s">
        <v>48</v>
      </c>
      <c r="H25" s="17"/>
      <c r="I25" s="13">
        <v>1442</v>
      </c>
      <c r="J25" s="19">
        <v>742</v>
      </c>
      <c r="K25" s="19">
        <v>700</v>
      </c>
    </row>
    <row r="26" spans="1:11" ht="15" customHeight="1">
      <c r="A26" s="17" t="s">
        <v>49</v>
      </c>
      <c r="B26" s="17"/>
      <c r="C26" s="13">
        <v>1328</v>
      </c>
      <c r="D26" s="19">
        <v>657</v>
      </c>
      <c r="E26" s="19">
        <v>671</v>
      </c>
      <c r="F26" s="19"/>
      <c r="G26" s="18" t="s">
        <v>50</v>
      </c>
      <c r="H26" s="17"/>
      <c r="I26" s="13">
        <v>1644</v>
      </c>
      <c r="J26" s="19">
        <v>761</v>
      </c>
      <c r="K26" s="19">
        <v>883</v>
      </c>
    </row>
    <row r="27" spans="1:11" ht="15" customHeight="1">
      <c r="A27" s="17" t="s">
        <v>51</v>
      </c>
      <c r="B27" s="17"/>
      <c r="C27" s="13">
        <v>1285</v>
      </c>
      <c r="D27" s="19">
        <v>639</v>
      </c>
      <c r="E27" s="19">
        <v>646</v>
      </c>
      <c r="F27" s="19"/>
      <c r="G27" s="18" t="s">
        <v>52</v>
      </c>
      <c r="H27" s="17"/>
      <c r="I27" s="13">
        <v>1717</v>
      </c>
      <c r="J27" s="19">
        <v>810</v>
      </c>
      <c r="K27" s="19">
        <v>907</v>
      </c>
    </row>
    <row r="28" spans="1:11" ht="15" customHeight="1">
      <c r="A28" s="17" t="s">
        <v>53</v>
      </c>
      <c r="B28" s="17"/>
      <c r="C28" s="13">
        <v>1306</v>
      </c>
      <c r="D28" s="19">
        <v>674</v>
      </c>
      <c r="E28" s="19">
        <v>632</v>
      </c>
      <c r="F28" s="19"/>
      <c r="G28" s="18" t="s">
        <v>54</v>
      </c>
      <c r="H28" s="17"/>
      <c r="I28" s="13">
        <v>1849</v>
      </c>
      <c r="J28" s="19">
        <v>861</v>
      </c>
      <c r="K28" s="19">
        <v>988</v>
      </c>
    </row>
    <row r="29" spans="1:11" ht="20.100000000000001" customHeight="1">
      <c r="A29" s="17" t="s">
        <v>55</v>
      </c>
      <c r="B29" s="17"/>
      <c r="C29" s="13">
        <v>6582</v>
      </c>
      <c r="D29" s="14">
        <v>3411</v>
      </c>
      <c r="E29" s="14">
        <v>3171</v>
      </c>
      <c r="F29" s="14"/>
      <c r="G29" s="18" t="s">
        <v>56</v>
      </c>
      <c r="H29" s="17"/>
      <c r="I29" s="13">
        <v>8895</v>
      </c>
      <c r="J29" s="14">
        <v>4237</v>
      </c>
      <c r="K29" s="14">
        <v>4658</v>
      </c>
    </row>
    <row r="30" spans="1:11" ht="15" customHeight="1">
      <c r="A30" s="17" t="s">
        <v>57</v>
      </c>
      <c r="B30" s="17"/>
      <c r="C30" s="13">
        <v>1261</v>
      </c>
      <c r="D30" s="19">
        <v>650</v>
      </c>
      <c r="E30" s="19">
        <v>611</v>
      </c>
      <c r="F30" s="19"/>
      <c r="G30" s="18" t="s">
        <v>58</v>
      </c>
      <c r="H30" s="17"/>
      <c r="I30" s="13">
        <v>2145</v>
      </c>
      <c r="J30" s="19">
        <v>1025</v>
      </c>
      <c r="K30" s="19">
        <v>1120</v>
      </c>
    </row>
    <row r="31" spans="1:11" ht="15" customHeight="1">
      <c r="A31" s="17" t="s">
        <v>59</v>
      </c>
      <c r="B31" s="17"/>
      <c r="C31" s="13">
        <v>1312</v>
      </c>
      <c r="D31" s="19">
        <v>686</v>
      </c>
      <c r="E31" s="19">
        <v>626</v>
      </c>
      <c r="F31" s="19"/>
      <c r="G31" s="18" t="s">
        <v>60</v>
      </c>
      <c r="H31" s="17"/>
      <c r="I31" s="13">
        <v>2052</v>
      </c>
      <c r="J31" s="19">
        <v>954</v>
      </c>
      <c r="K31" s="19">
        <v>1098</v>
      </c>
    </row>
    <row r="32" spans="1:11" ht="15" customHeight="1">
      <c r="A32" s="17" t="s">
        <v>61</v>
      </c>
      <c r="B32" s="17"/>
      <c r="C32" s="13">
        <v>1257</v>
      </c>
      <c r="D32" s="19">
        <v>653</v>
      </c>
      <c r="E32" s="19">
        <v>604</v>
      </c>
      <c r="F32" s="19"/>
      <c r="G32" s="18" t="s">
        <v>62</v>
      </c>
      <c r="H32" s="17"/>
      <c r="I32" s="13">
        <v>2018</v>
      </c>
      <c r="J32" s="19">
        <v>929</v>
      </c>
      <c r="K32" s="19">
        <v>1089</v>
      </c>
    </row>
    <row r="33" spans="1:11" ht="15" customHeight="1">
      <c r="A33" s="17" t="s">
        <v>63</v>
      </c>
      <c r="B33" s="17"/>
      <c r="C33" s="13">
        <v>1374</v>
      </c>
      <c r="D33" s="19">
        <v>697</v>
      </c>
      <c r="E33" s="19">
        <v>677</v>
      </c>
      <c r="F33" s="19"/>
      <c r="G33" s="18" t="s">
        <v>64</v>
      </c>
      <c r="H33" s="17"/>
      <c r="I33" s="13">
        <v>1425</v>
      </c>
      <c r="J33" s="19">
        <v>710</v>
      </c>
      <c r="K33" s="19">
        <v>715</v>
      </c>
    </row>
    <row r="34" spans="1:11" ht="15" customHeight="1">
      <c r="A34" s="17" t="s">
        <v>65</v>
      </c>
      <c r="B34" s="17"/>
      <c r="C34" s="13">
        <v>1378</v>
      </c>
      <c r="D34" s="19">
        <v>725</v>
      </c>
      <c r="E34" s="19">
        <v>653</v>
      </c>
      <c r="F34" s="19"/>
      <c r="G34" s="18" t="s">
        <v>66</v>
      </c>
      <c r="H34" s="17"/>
      <c r="I34" s="13">
        <v>1255</v>
      </c>
      <c r="J34" s="19">
        <v>619</v>
      </c>
      <c r="K34" s="19">
        <v>636</v>
      </c>
    </row>
    <row r="35" spans="1:11" ht="20.100000000000001" customHeight="1">
      <c r="A35" s="17" t="s">
        <v>67</v>
      </c>
      <c r="B35" s="17"/>
      <c r="C35" s="13">
        <v>7074</v>
      </c>
      <c r="D35" s="14">
        <v>3762</v>
      </c>
      <c r="E35" s="14">
        <v>3312</v>
      </c>
      <c r="F35" s="14"/>
      <c r="G35" s="18" t="s">
        <v>68</v>
      </c>
      <c r="H35" s="17"/>
      <c r="I35" s="13">
        <v>7531</v>
      </c>
      <c r="J35" s="14">
        <v>3513</v>
      </c>
      <c r="K35" s="14">
        <v>4018</v>
      </c>
    </row>
    <row r="36" spans="1:11" ht="15" customHeight="1">
      <c r="A36" s="17" t="s">
        <v>69</v>
      </c>
      <c r="B36" s="17"/>
      <c r="C36" s="13">
        <v>1489</v>
      </c>
      <c r="D36" s="19">
        <v>777</v>
      </c>
      <c r="E36" s="19">
        <v>712</v>
      </c>
      <c r="F36" s="19"/>
      <c r="G36" s="18" t="s">
        <v>70</v>
      </c>
      <c r="H36" s="17"/>
      <c r="I36" s="13">
        <v>1506</v>
      </c>
      <c r="J36" s="19">
        <v>727</v>
      </c>
      <c r="K36" s="19">
        <v>779</v>
      </c>
    </row>
    <row r="37" spans="1:11" ht="15" customHeight="1">
      <c r="A37" s="17" t="s">
        <v>71</v>
      </c>
      <c r="B37" s="17"/>
      <c r="C37" s="13">
        <v>1390</v>
      </c>
      <c r="D37" s="19">
        <v>762</v>
      </c>
      <c r="E37" s="19">
        <v>628</v>
      </c>
      <c r="F37" s="19"/>
      <c r="G37" s="18" t="s">
        <v>72</v>
      </c>
      <c r="H37" s="17"/>
      <c r="I37" s="13">
        <v>1647</v>
      </c>
      <c r="J37" s="19">
        <v>731</v>
      </c>
      <c r="K37" s="19">
        <v>916</v>
      </c>
    </row>
    <row r="38" spans="1:11" ht="15" customHeight="1">
      <c r="A38" s="17" t="s">
        <v>73</v>
      </c>
      <c r="B38" s="17"/>
      <c r="C38" s="13">
        <v>1405</v>
      </c>
      <c r="D38" s="19">
        <v>758</v>
      </c>
      <c r="E38" s="19">
        <v>647</v>
      </c>
      <c r="F38" s="19"/>
      <c r="G38" s="18" t="s">
        <v>74</v>
      </c>
      <c r="H38" s="17"/>
      <c r="I38" s="13">
        <v>1539</v>
      </c>
      <c r="J38" s="19">
        <v>735</v>
      </c>
      <c r="K38" s="19">
        <v>804</v>
      </c>
    </row>
    <row r="39" spans="1:11" ht="15" customHeight="1">
      <c r="A39" s="17" t="s">
        <v>75</v>
      </c>
      <c r="B39" s="17"/>
      <c r="C39" s="13">
        <v>1356</v>
      </c>
      <c r="D39" s="19">
        <v>697</v>
      </c>
      <c r="E39" s="19">
        <v>659</v>
      </c>
      <c r="F39" s="19"/>
      <c r="G39" s="18" t="s">
        <v>76</v>
      </c>
      <c r="H39" s="17"/>
      <c r="I39" s="13">
        <v>1507</v>
      </c>
      <c r="J39" s="19">
        <v>696</v>
      </c>
      <c r="K39" s="19">
        <v>811</v>
      </c>
    </row>
    <row r="40" spans="1:11" ht="15" customHeight="1">
      <c r="A40" s="17" t="s">
        <v>77</v>
      </c>
      <c r="B40" s="17"/>
      <c r="C40" s="13">
        <v>1434</v>
      </c>
      <c r="D40" s="19">
        <v>768</v>
      </c>
      <c r="E40" s="19">
        <v>666</v>
      </c>
      <c r="F40" s="19"/>
      <c r="G40" s="18" t="s">
        <v>78</v>
      </c>
      <c r="H40" s="17"/>
      <c r="I40" s="13">
        <v>1332</v>
      </c>
      <c r="J40" s="19">
        <v>624</v>
      </c>
      <c r="K40" s="19">
        <v>708</v>
      </c>
    </row>
    <row r="41" spans="1:11" ht="20.100000000000001" customHeight="1">
      <c r="A41" s="17" t="s">
        <v>79</v>
      </c>
      <c r="B41" s="17"/>
      <c r="C41" s="13">
        <v>7624</v>
      </c>
      <c r="D41" s="14">
        <v>4029</v>
      </c>
      <c r="E41" s="14">
        <v>3595</v>
      </c>
      <c r="F41" s="14"/>
      <c r="G41" s="18" t="s">
        <v>80</v>
      </c>
      <c r="H41" s="17"/>
      <c r="I41" s="13">
        <v>4782</v>
      </c>
      <c r="J41" s="14">
        <v>2241</v>
      </c>
      <c r="K41" s="14">
        <v>2541</v>
      </c>
    </row>
    <row r="42" spans="1:11" ht="15" customHeight="1">
      <c r="A42" s="17" t="s">
        <v>81</v>
      </c>
      <c r="B42" s="17"/>
      <c r="C42" s="13">
        <v>1448</v>
      </c>
      <c r="D42" s="19">
        <v>765</v>
      </c>
      <c r="E42" s="19">
        <v>683</v>
      </c>
      <c r="F42" s="19"/>
      <c r="G42" s="18" t="s">
        <v>82</v>
      </c>
      <c r="H42" s="17"/>
      <c r="I42" s="13">
        <v>1101</v>
      </c>
      <c r="J42" s="19">
        <v>519</v>
      </c>
      <c r="K42" s="19">
        <v>582</v>
      </c>
    </row>
    <row r="43" spans="1:11" ht="15" customHeight="1">
      <c r="A43" s="17" t="s">
        <v>83</v>
      </c>
      <c r="B43" s="17"/>
      <c r="C43" s="13">
        <v>1552</v>
      </c>
      <c r="D43" s="19">
        <v>823</v>
      </c>
      <c r="E43" s="19">
        <v>729</v>
      </c>
      <c r="F43" s="19"/>
      <c r="G43" s="18" t="s">
        <v>84</v>
      </c>
      <c r="H43" s="17"/>
      <c r="I43" s="13">
        <v>992</v>
      </c>
      <c r="J43" s="19">
        <v>473</v>
      </c>
      <c r="K43" s="19">
        <v>519</v>
      </c>
    </row>
    <row r="44" spans="1:11" ht="15" customHeight="1">
      <c r="A44" s="17" t="s">
        <v>85</v>
      </c>
      <c r="B44" s="17"/>
      <c r="C44" s="13">
        <v>1488</v>
      </c>
      <c r="D44" s="19">
        <v>772</v>
      </c>
      <c r="E44" s="19">
        <v>716</v>
      </c>
      <c r="F44" s="19"/>
      <c r="G44" s="18" t="s">
        <v>86</v>
      </c>
      <c r="H44" s="17"/>
      <c r="I44" s="13">
        <v>1045</v>
      </c>
      <c r="J44" s="19">
        <v>481</v>
      </c>
      <c r="K44" s="19">
        <v>564</v>
      </c>
    </row>
    <row r="45" spans="1:11" ht="15" customHeight="1">
      <c r="A45" s="17" t="s">
        <v>87</v>
      </c>
      <c r="B45" s="17"/>
      <c r="C45" s="13">
        <v>1568</v>
      </c>
      <c r="D45" s="19">
        <v>854</v>
      </c>
      <c r="E45" s="19">
        <v>714</v>
      </c>
      <c r="F45" s="19"/>
      <c r="G45" s="18" t="s">
        <v>88</v>
      </c>
      <c r="H45" s="17"/>
      <c r="I45" s="13">
        <v>881</v>
      </c>
      <c r="J45" s="19">
        <v>416</v>
      </c>
      <c r="K45" s="19">
        <v>465</v>
      </c>
    </row>
    <row r="46" spans="1:11" ht="15" customHeight="1">
      <c r="A46" s="17" t="s">
        <v>89</v>
      </c>
      <c r="B46" s="17"/>
      <c r="C46" s="13">
        <v>1568</v>
      </c>
      <c r="D46" s="19">
        <v>815</v>
      </c>
      <c r="E46" s="19">
        <v>753</v>
      </c>
      <c r="F46" s="19"/>
      <c r="G46" s="18" t="s">
        <v>90</v>
      </c>
      <c r="H46" s="17"/>
      <c r="I46" s="13">
        <v>763</v>
      </c>
      <c r="J46" s="19">
        <v>352</v>
      </c>
      <c r="K46" s="19">
        <v>411</v>
      </c>
    </row>
    <row r="47" spans="1:11" ht="20.100000000000001" customHeight="1">
      <c r="A47" s="17" t="s">
        <v>91</v>
      </c>
      <c r="B47" s="17"/>
      <c r="C47" s="13">
        <v>8888</v>
      </c>
      <c r="D47" s="14">
        <v>4643</v>
      </c>
      <c r="E47" s="14">
        <v>4245</v>
      </c>
      <c r="F47" s="14"/>
      <c r="G47" s="18" t="s">
        <v>92</v>
      </c>
      <c r="H47" s="17"/>
      <c r="I47" s="13">
        <v>2576</v>
      </c>
      <c r="J47" s="14">
        <v>997</v>
      </c>
      <c r="K47" s="14">
        <v>1579</v>
      </c>
    </row>
    <row r="48" spans="1:11" ht="15" customHeight="1">
      <c r="A48" s="17" t="s">
        <v>93</v>
      </c>
      <c r="B48" s="17"/>
      <c r="C48" s="13">
        <v>1752</v>
      </c>
      <c r="D48" s="19">
        <v>912</v>
      </c>
      <c r="E48" s="19">
        <v>840</v>
      </c>
      <c r="F48" s="19"/>
      <c r="G48" s="18" t="s">
        <v>94</v>
      </c>
      <c r="H48" s="17"/>
      <c r="I48" s="13">
        <v>670</v>
      </c>
      <c r="J48" s="19">
        <v>284</v>
      </c>
      <c r="K48" s="19">
        <v>386</v>
      </c>
    </row>
    <row r="49" spans="1:11" ht="15" customHeight="1">
      <c r="A49" s="17" t="s">
        <v>95</v>
      </c>
      <c r="B49" s="17"/>
      <c r="C49" s="13">
        <v>1709</v>
      </c>
      <c r="D49" s="19">
        <v>904</v>
      </c>
      <c r="E49" s="19">
        <v>805</v>
      </c>
      <c r="F49" s="19"/>
      <c r="G49" s="18" t="s">
        <v>96</v>
      </c>
      <c r="H49" s="17"/>
      <c r="I49" s="13">
        <v>537</v>
      </c>
      <c r="J49" s="19">
        <v>223</v>
      </c>
      <c r="K49" s="19">
        <v>314</v>
      </c>
    </row>
    <row r="50" spans="1:11" ht="15" customHeight="1">
      <c r="A50" s="17" t="s">
        <v>97</v>
      </c>
      <c r="B50" s="17"/>
      <c r="C50" s="13">
        <v>1825</v>
      </c>
      <c r="D50" s="19">
        <v>953</v>
      </c>
      <c r="E50" s="19">
        <v>872</v>
      </c>
      <c r="F50" s="19"/>
      <c r="G50" s="18" t="s">
        <v>98</v>
      </c>
      <c r="H50" s="17"/>
      <c r="I50" s="13">
        <v>569</v>
      </c>
      <c r="J50" s="19">
        <v>225</v>
      </c>
      <c r="K50" s="19">
        <v>344</v>
      </c>
    </row>
    <row r="51" spans="1:11" ht="15" customHeight="1">
      <c r="A51" s="17" t="s">
        <v>99</v>
      </c>
      <c r="B51" s="17"/>
      <c r="C51" s="13">
        <v>1700</v>
      </c>
      <c r="D51" s="19">
        <v>893</v>
      </c>
      <c r="E51" s="19">
        <v>807</v>
      </c>
      <c r="F51" s="19"/>
      <c r="G51" s="18" t="s">
        <v>100</v>
      </c>
      <c r="H51" s="17"/>
      <c r="I51" s="13">
        <v>449</v>
      </c>
      <c r="J51" s="19">
        <v>146</v>
      </c>
      <c r="K51" s="19">
        <v>303</v>
      </c>
    </row>
    <row r="52" spans="1:11" ht="15" customHeight="1">
      <c r="A52" s="17" t="s">
        <v>101</v>
      </c>
      <c r="B52" s="17"/>
      <c r="C52" s="13">
        <v>1902</v>
      </c>
      <c r="D52" s="19">
        <v>981</v>
      </c>
      <c r="E52" s="19">
        <v>921</v>
      </c>
      <c r="F52" s="19"/>
      <c r="G52" s="18" t="s">
        <v>102</v>
      </c>
      <c r="H52" s="17"/>
      <c r="I52" s="13">
        <v>351</v>
      </c>
      <c r="J52" s="19">
        <v>119</v>
      </c>
      <c r="K52" s="19">
        <v>232</v>
      </c>
    </row>
    <row r="53" spans="1:11" ht="20.100000000000001" customHeight="1">
      <c r="A53" s="17" t="s">
        <v>103</v>
      </c>
      <c r="B53" s="17"/>
      <c r="C53" s="13">
        <v>10031</v>
      </c>
      <c r="D53" s="14">
        <v>5192</v>
      </c>
      <c r="E53" s="14">
        <v>4839</v>
      </c>
      <c r="F53" s="14"/>
      <c r="G53" s="18" t="s">
        <v>104</v>
      </c>
      <c r="H53" s="17"/>
      <c r="I53" s="13">
        <v>1121</v>
      </c>
      <c r="J53" s="14">
        <v>306</v>
      </c>
      <c r="K53" s="14">
        <v>815</v>
      </c>
    </row>
    <row r="54" spans="1:11" ht="15" customHeight="1">
      <c r="A54" s="17" t="s">
        <v>105</v>
      </c>
      <c r="B54" s="17"/>
      <c r="C54" s="13">
        <v>1865</v>
      </c>
      <c r="D54" s="19">
        <v>966</v>
      </c>
      <c r="E54" s="19">
        <v>899</v>
      </c>
      <c r="F54" s="19"/>
      <c r="G54" s="18" t="s">
        <v>106</v>
      </c>
      <c r="H54" s="17"/>
      <c r="I54" s="13">
        <v>304</v>
      </c>
      <c r="J54" s="19">
        <v>91</v>
      </c>
      <c r="K54" s="19">
        <v>213</v>
      </c>
    </row>
    <row r="55" spans="1:11" ht="15" customHeight="1">
      <c r="A55" s="17" t="s">
        <v>107</v>
      </c>
      <c r="B55" s="17"/>
      <c r="C55" s="13">
        <v>1928</v>
      </c>
      <c r="D55" s="19">
        <v>1021</v>
      </c>
      <c r="E55" s="19">
        <v>907</v>
      </c>
      <c r="F55" s="19"/>
      <c r="G55" s="18" t="s">
        <v>108</v>
      </c>
      <c r="H55" s="17"/>
      <c r="I55" s="13">
        <v>253</v>
      </c>
      <c r="J55" s="19">
        <v>69</v>
      </c>
      <c r="K55" s="19">
        <v>184</v>
      </c>
    </row>
    <row r="56" spans="1:11" ht="15" customHeight="1">
      <c r="A56" s="17" t="s">
        <v>109</v>
      </c>
      <c r="B56" s="17"/>
      <c r="C56" s="13">
        <v>2023</v>
      </c>
      <c r="D56" s="19">
        <v>1041</v>
      </c>
      <c r="E56" s="19">
        <v>982</v>
      </c>
      <c r="F56" s="19"/>
      <c r="G56" s="18" t="s">
        <v>110</v>
      </c>
      <c r="H56" s="17"/>
      <c r="I56" s="13">
        <v>222</v>
      </c>
      <c r="J56" s="19">
        <v>75</v>
      </c>
      <c r="K56" s="19">
        <v>147</v>
      </c>
    </row>
    <row r="57" spans="1:11" ht="15" customHeight="1">
      <c r="A57" s="17" t="s">
        <v>111</v>
      </c>
      <c r="B57" s="17"/>
      <c r="C57" s="13">
        <v>2152</v>
      </c>
      <c r="D57" s="19">
        <v>1107</v>
      </c>
      <c r="E57" s="19">
        <v>1045</v>
      </c>
      <c r="F57" s="19"/>
      <c r="G57" s="18" t="s">
        <v>112</v>
      </c>
      <c r="H57" s="17"/>
      <c r="I57" s="13">
        <v>189</v>
      </c>
      <c r="J57" s="19">
        <v>45</v>
      </c>
      <c r="K57" s="19">
        <v>144</v>
      </c>
    </row>
    <row r="58" spans="1:11" ht="15" customHeight="1">
      <c r="A58" s="17" t="s">
        <v>113</v>
      </c>
      <c r="B58" s="17"/>
      <c r="C58" s="13">
        <v>2063</v>
      </c>
      <c r="D58" s="19">
        <v>1057</v>
      </c>
      <c r="E58" s="19">
        <v>1006</v>
      </c>
      <c r="F58" s="19"/>
      <c r="G58" s="18" t="s">
        <v>114</v>
      </c>
      <c r="H58" s="17"/>
      <c r="I58" s="13">
        <v>153</v>
      </c>
      <c r="J58" s="19">
        <v>26</v>
      </c>
      <c r="K58" s="19">
        <v>127</v>
      </c>
    </row>
    <row r="59" spans="1:11" ht="20.100000000000001" customHeight="1">
      <c r="A59" s="17" t="s">
        <v>115</v>
      </c>
      <c r="B59" s="17"/>
      <c r="C59" s="13">
        <v>11721</v>
      </c>
      <c r="D59" s="14">
        <v>6052</v>
      </c>
      <c r="E59" s="14">
        <v>5669</v>
      </c>
      <c r="F59" s="14"/>
      <c r="G59" s="18" t="s">
        <v>116</v>
      </c>
      <c r="H59" s="17"/>
      <c r="I59" s="13">
        <v>287</v>
      </c>
      <c r="J59" s="14">
        <v>35</v>
      </c>
      <c r="K59" s="14">
        <v>252</v>
      </c>
    </row>
    <row r="60" spans="1:11" ht="15" customHeight="1">
      <c r="A60" s="17" t="s">
        <v>117</v>
      </c>
      <c r="B60" s="17"/>
      <c r="C60" s="13">
        <v>2300</v>
      </c>
      <c r="D60" s="19">
        <v>1192</v>
      </c>
      <c r="E60" s="19">
        <v>1108</v>
      </c>
      <c r="F60" s="19"/>
      <c r="G60" s="18" t="s">
        <v>118</v>
      </c>
      <c r="H60" s="17"/>
      <c r="I60" s="13">
        <v>94</v>
      </c>
      <c r="J60" s="19">
        <v>10</v>
      </c>
      <c r="K60" s="19">
        <v>84</v>
      </c>
    </row>
    <row r="61" spans="1:11" ht="15" customHeight="1">
      <c r="A61" s="17" t="s">
        <v>119</v>
      </c>
      <c r="B61" s="17"/>
      <c r="C61" s="13">
        <v>2487</v>
      </c>
      <c r="D61" s="19">
        <v>1294</v>
      </c>
      <c r="E61" s="19">
        <v>1193</v>
      </c>
      <c r="F61" s="19"/>
      <c r="G61" s="18" t="s">
        <v>120</v>
      </c>
      <c r="H61" s="17"/>
      <c r="I61" s="13">
        <v>68</v>
      </c>
      <c r="J61" s="19">
        <v>11</v>
      </c>
      <c r="K61" s="19">
        <v>57</v>
      </c>
    </row>
    <row r="62" spans="1:11" ht="15" customHeight="1">
      <c r="A62" s="17" t="s">
        <v>121</v>
      </c>
      <c r="B62" s="17"/>
      <c r="C62" s="13">
        <v>2327</v>
      </c>
      <c r="D62" s="19">
        <v>1198</v>
      </c>
      <c r="E62" s="19">
        <v>1129</v>
      </c>
      <c r="F62" s="19"/>
      <c r="G62" s="18" t="s">
        <v>122</v>
      </c>
      <c r="H62" s="17"/>
      <c r="I62" s="13">
        <v>44</v>
      </c>
      <c r="J62" s="19">
        <v>7</v>
      </c>
      <c r="K62" s="19">
        <v>37</v>
      </c>
    </row>
    <row r="63" spans="1:11" ht="15" customHeight="1">
      <c r="A63" s="17" t="s">
        <v>123</v>
      </c>
      <c r="B63" s="17"/>
      <c r="C63" s="13">
        <v>2415</v>
      </c>
      <c r="D63" s="19">
        <v>1239</v>
      </c>
      <c r="E63" s="19">
        <v>1176</v>
      </c>
      <c r="F63" s="19"/>
      <c r="G63" s="18" t="s">
        <v>124</v>
      </c>
      <c r="H63" s="17"/>
      <c r="I63" s="13">
        <v>44</v>
      </c>
      <c r="J63" s="19">
        <v>0</v>
      </c>
      <c r="K63" s="19">
        <v>44</v>
      </c>
    </row>
    <row r="64" spans="1:11" ht="15" customHeight="1">
      <c r="A64" s="17" t="s">
        <v>125</v>
      </c>
      <c r="B64" s="17"/>
      <c r="C64" s="13">
        <v>2192</v>
      </c>
      <c r="D64" s="19">
        <v>1129</v>
      </c>
      <c r="E64" s="19">
        <v>1063</v>
      </c>
      <c r="F64" s="19"/>
      <c r="G64" s="18" t="s">
        <v>126</v>
      </c>
      <c r="H64" s="17"/>
      <c r="I64" s="13">
        <v>37</v>
      </c>
      <c r="J64" s="19">
        <v>7</v>
      </c>
      <c r="K64" s="19">
        <v>3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8</v>
      </c>
      <c r="J65" s="19">
        <v>4</v>
      </c>
      <c r="K65" s="19">
        <v>4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92</v>
      </c>
      <c r="J66" s="29">
        <v>313</v>
      </c>
      <c r="K66" s="29">
        <v>17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0655</v>
      </c>
      <c r="D4" s="14">
        <v>65091</v>
      </c>
      <c r="E4" s="14">
        <v>6556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715</v>
      </c>
      <c r="D5" s="14">
        <v>2408</v>
      </c>
      <c r="E5" s="14">
        <v>2307</v>
      </c>
      <c r="F5" s="14"/>
      <c r="G5" s="18" t="s">
        <v>8</v>
      </c>
      <c r="H5" s="17"/>
      <c r="I5" s="13">
        <v>10245</v>
      </c>
      <c r="J5" s="14">
        <v>5303</v>
      </c>
      <c r="K5" s="14">
        <v>4942</v>
      </c>
    </row>
    <row r="6" spans="1:11" ht="15" customHeight="1">
      <c r="A6" s="17" t="s">
        <v>9</v>
      </c>
      <c r="B6" s="17"/>
      <c r="C6" s="13">
        <v>838</v>
      </c>
      <c r="D6" s="19">
        <v>434</v>
      </c>
      <c r="E6" s="19">
        <v>404</v>
      </c>
      <c r="F6" s="19"/>
      <c r="G6" s="18" t="s">
        <v>10</v>
      </c>
      <c r="H6" s="17"/>
      <c r="I6" s="13">
        <v>2109</v>
      </c>
      <c r="J6" s="19">
        <v>1099</v>
      </c>
      <c r="K6" s="19">
        <v>1010</v>
      </c>
    </row>
    <row r="7" spans="1:11" ht="15" customHeight="1">
      <c r="A7" s="17" t="s">
        <v>11</v>
      </c>
      <c r="B7" s="17"/>
      <c r="C7" s="13">
        <v>992</v>
      </c>
      <c r="D7" s="19">
        <v>503</v>
      </c>
      <c r="E7" s="19">
        <v>489</v>
      </c>
      <c r="F7" s="19"/>
      <c r="G7" s="18" t="s">
        <v>12</v>
      </c>
      <c r="H7" s="17"/>
      <c r="I7" s="13">
        <v>2144</v>
      </c>
      <c r="J7" s="19">
        <v>1124</v>
      </c>
      <c r="K7" s="19">
        <v>1020</v>
      </c>
    </row>
    <row r="8" spans="1:11" ht="15" customHeight="1">
      <c r="A8" s="17" t="s">
        <v>13</v>
      </c>
      <c r="B8" s="17"/>
      <c r="C8" s="13">
        <v>981</v>
      </c>
      <c r="D8" s="19">
        <v>502</v>
      </c>
      <c r="E8" s="19">
        <v>479</v>
      </c>
      <c r="F8" s="19"/>
      <c r="G8" s="18" t="s">
        <v>14</v>
      </c>
      <c r="H8" s="17"/>
      <c r="I8" s="13">
        <v>2267</v>
      </c>
      <c r="J8" s="19">
        <v>1186</v>
      </c>
      <c r="K8" s="19">
        <v>1081</v>
      </c>
    </row>
    <row r="9" spans="1:11" ht="15" customHeight="1">
      <c r="A9" s="17" t="s">
        <v>15</v>
      </c>
      <c r="B9" s="17"/>
      <c r="C9" s="13">
        <v>966</v>
      </c>
      <c r="D9" s="19">
        <v>501</v>
      </c>
      <c r="E9" s="19">
        <v>465</v>
      </c>
      <c r="F9" s="19"/>
      <c r="G9" s="18" t="s">
        <v>16</v>
      </c>
      <c r="H9" s="17"/>
      <c r="I9" s="13">
        <v>1674</v>
      </c>
      <c r="J9" s="19">
        <v>817</v>
      </c>
      <c r="K9" s="19">
        <v>857</v>
      </c>
    </row>
    <row r="10" spans="1:11" ht="15" customHeight="1">
      <c r="A10" s="17" t="s">
        <v>17</v>
      </c>
      <c r="B10" s="17"/>
      <c r="C10" s="13">
        <v>938</v>
      </c>
      <c r="D10" s="19">
        <v>468</v>
      </c>
      <c r="E10" s="19">
        <v>470</v>
      </c>
      <c r="F10" s="19"/>
      <c r="G10" s="18" t="s">
        <v>18</v>
      </c>
      <c r="H10" s="17"/>
      <c r="I10" s="13">
        <v>2051</v>
      </c>
      <c r="J10" s="19">
        <v>1077</v>
      </c>
      <c r="K10" s="19">
        <v>974</v>
      </c>
    </row>
    <row r="11" spans="1:11" ht="20.100000000000001" customHeight="1">
      <c r="A11" s="17" t="s">
        <v>19</v>
      </c>
      <c r="B11" s="17"/>
      <c r="C11" s="13">
        <v>4973</v>
      </c>
      <c r="D11" s="14">
        <v>2465</v>
      </c>
      <c r="E11" s="14">
        <v>2508</v>
      </c>
      <c r="F11" s="14"/>
      <c r="G11" s="18" t="s">
        <v>20</v>
      </c>
      <c r="H11" s="17"/>
      <c r="I11" s="13">
        <v>8381</v>
      </c>
      <c r="J11" s="14">
        <v>4314</v>
      </c>
      <c r="K11" s="14">
        <v>4067</v>
      </c>
    </row>
    <row r="12" spans="1:11" ht="15" customHeight="1">
      <c r="A12" s="17" t="s">
        <v>21</v>
      </c>
      <c r="B12" s="17"/>
      <c r="C12" s="13">
        <v>935</v>
      </c>
      <c r="D12" s="19">
        <v>435</v>
      </c>
      <c r="E12" s="19">
        <v>500</v>
      </c>
      <c r="F12" s="19"/>
      <c r="G12" s="18" t="s">
        <v>22</v>
      </c>
      <c r="H12" s="17"/>
      <c r="I12" s="13">
        <v>1848</v>
      </c>
      <c r="J12" s="19">
        <v>959</v>
      </c>
      <c r="K12" s="19">
        <v>889</v>
      </c>
    </row>
    <row r="13" spans="1:11" ht="15" customHeight="1">
      <c r="A13" s="17" t="s">
        <v>23</v>
      </c>
      <c r="B13" s="17"/>
      <c r="C13" s="13">
        <v>996</v>
      </c>
      <c r="D13" s="19">
        <v>505</v>
      </c>
      <c r="E13" s="19">
        <v>491</v>
      </c>
      <c r="F13" s="19"/>
      <c r="G13" s="18" t="s">
        <v>24</v>
      </c>
      <c r="H13" s="17"/>
      <c r="I13" s="13">
        <v>1737</v>
      </c>
      <c r="J13" s="19">
        <v>897</v>
      </c>
      <c r="K13" s="19">
        <v>840</v>
      </c>
    </row>
    <row r="14" spans="1:11" ht="15" customHeight="1">
      <c r="A14" s="17" t="s">
        <v>25</v>
      </c>
      <c r="B14" s="17"/>
      <c r="C14" s="13">
        <v>1003</v>
      </c>
      <c r="D14" s="19">
        <v>517</v>
      </c>
      <c r="E14" s="19">
        <v>486</v>
      </c>
      <c r="F14" s="19"/>
      <c r="G14" s="18" t="s">
        <v>26</v>
      </c>
      <c r="H14" s="17"/>
      <c r="I14" s="13">
        <v>1610</v>
      </c>
      <c r="J14" s="19">
        <v>834</v>
      </c>
      <c r="K14" s="19">
        <v>776</v>
      </c>
    </row>
    <row r="15" spans="1:11" ht="15" customHeight="1">
      <c r="A15" s="17" t="s">
        <v>27</v>
      </c>
      <c r="B15" s="17"/>
      <c r="C15" s="13">
        <v>1056</v>
      </c>
      <c r="D15" s="19">
        <v>515</v>
      </c>
      <c r="E15" s="19">
        <v>541</v>
      </c>
      <c r="F15" s="19"/>
      <c r="G15" s="18" t="s">
        <v>28</v>
      </c>
      <c r="H15" s="17"/>
      <c r="I15" s="13">
        <v>1651</v>
      </c>
      <c r="J15" s="19">
        <v>837</v>
      </c>
      <c r="K15" s="19">
        <v>814</v>
      </c>
    </row>
    <row r="16" spans="1:11" ht="15" customHeight="1">
      <c r="A16" s="17" t="s">
        <v>29</v>
      </c>
      <c r="B16" s="17"/>
      <c r="C16" s="13">
        <v>983</v>
      </c>
      <c r="D16" s="19">
        <v>493</v>
      </c>
      <c r="E16" s="19">
        <v>490</v>
      </c>
      <c r="F16" s="19"/>
      <c r="G16" s="18" t="s">
        <v>30</v>
      </c>
      <c r="H16" s="17"/>
      <c r="I16" s="13">
        <v>1535</v>
      </c>
      <c r="J16" s="19">
        <v>787</v>
      </c>
      <c r="K16" s="19">
        <v>748</v>
      </c>
    </row>
    <row r="17" spans="1:11" ht="20.100000000000001" customHeight="1">
      <c r="A17" s="20" t="s">
        <v>31</v>
      </c>
      <c r="B17" s="20"/>
      <c r="C17" s="13">
        <v>5266</v>
      </c>
      <c r="D17" s="14">
        <v>2717</v>
      </c>
      <c r="E17" s="14">
        <v>2549</v>
      </c>
      <c r="F17" s="14"/>
      <c r="G17" s="18" t="s">
        <v>32</v>
      </c>
      <c r="H17" s="17"/>
      <c r="I17" s="13">
        <v>7063</v>
      </c>
      <c r="J17" s="14">
        <v>3574</v>
      </c>
      <c r="K17" s="14">
        <v>3489</v>
      </c>
    </row>
    <row r="18" spans="1:11" ht="15" customHeight="1">
      <c r="A18" s="17" t="s">
        <v>33</v>
      </c>
      <c r="B18" s="17"/>
      <c r="C18" s="13">
        <v>1038</v>
      </c>
      <c r="D18" s="19">
        <v>544</v>
      </c>
      <c r="E18" s="19">
        <v>494</v>
      </c>
      <c r="F18" s="19"/>
      <c r="G18" s="18" t="s">
        <v>34</v>
      </c>
      <c r="H18" s="17"/>
      <c r="I18" s="13">
        <v>1505</v>
      </c>
      <c r="J18" s="19">
        <v>794</v>
      </c>
      <c r="K18" s="19">
        <v>711</v>
      </c>
    </row>
    <row r="19" spans="1:11" ht="15" customHeight="1">
      <c r="A19" s="17" t="s">
        <v>35</v>
      </c>
      <c r="B19" s="17"/>
      <c r="C19" s="13">
        <v>1072</v>
      </c>
      <c r="D19" s="19">
        <v>554</v>
      </c>
      <c r="E19" s="19">
        <v>518</v>
      </c>
      <c r="F19" s="19"/>
      <c r="G19" s="18" t="s">
        <v>36</v>
      </c>
      <c r="H19" s="17"/>
      <c r="I19" s="13">
        <v>1489</v>
      </c>
      <c r="J19" s="19">
        <v>771</v>
      </c>
      <c r="K19" s="19">
        <v>718</v>
      </c>
    </row>
    <row r="20" spans="1:11" ht="15" customHeight="1">
      <c r="A20" s="17" t="s">
        <v>37</v>
      </c>
      <c r="B20" s="17"/>
      <c r="C20" s="13">
        <v>1051</v>
      </c>
      <c r="D20" s="19">
        <v>538</v>
      </c>
      <c r="E20" s="19">
        <v>513</v>
      </c>
      <c r="F20" s="19"/>
      <c r="G20" s="18" t="s">
        <v>38</v>
      </c>
      <c r="H20" s="17"/>
      <c r="I20" s="13">
        <v>1344</v>
      </c>
      <c r="J20" s="19">
        <v>660</v>
      </c>
      <c r="K20" s="19">
        <v>684</v>
      </c>
    </row>
    <row r="21" spans="1:11" ht="15" customHeight="1">
      <c r="A21" s="17" t="s">
        <v>39</v>
      </c>
      <c r="B21" s="17"/>
      <c r="C21" s="13">
        <v>1059</v>
      </c>
      <c r="D21" s="19">
        <v>529</v>
      </c>
      <c r="E21" s="19">
        <v>530</v>
      </c>
      <c r="F21" s="19"/>
      <c r="G21" s="18" t="s">
        <v>40</v>
      </c>
      <c r="H21" s="17"/>
      <c r="I21" s="13">
        <v>1284</v>
      </c>
      <c r="J21" s="19">
        <v>639</v>
      </c>
      <c r="K21" s="19">
        <v>645</v>
      </c>
    </row>
    <row r="22" spans="1:11" ht="15" customHeight="1">
      <c r="A22" s="17" t="s">
        <v>41</v>
      </c>
      <c r="B22" s="17"/>
      <c r="C22" s="13">
        <v>1046</v>
      </c>
      <c r="D22" s="19">
        <v>552</v>
      </c>
      <c r="E22" s="19">
        <v>494</v>
      </c>
      <c r="F22" s="19"/>
      <c r="G22" s="18" t="s">
        <v>42</v>
      </c>
      <c r="H22" s="17"/>
      <c r="I22" s="13">
        <v>1441</v>
      </c>
      <c r="J22" s="19">
        <v>710</v>
      </c>
      <c r="K22" s="19">
        <v>731</v>
      </c>
    </row>
    <row r="23" spans="1:11" ht="20.100000000000001" customHeight="1">
      <c r="A23" s="17" t="s">
        <v>43</v>
      </c>
      <c r="B23" s="17"/>
      <c r="C23" s="13">
        <v>5760</v>
      </c>
      <c r="D23" s="14">
        <v>2981</v>
      </c>
      <c r="E23" s="14">
        <v>2779</v>
      </c>
      <c r="F23" s="14"/>
      <c r="G23" s="18" t="s">
        <v>44</v>
      </c>
      <c r="H23" s="17"/>
      <c r="I23" s="13">
        <v>8005</v>
      </c>
      <c r="J23" s="14">
        <v>3921</v>
      </c>
      <c r="K23" s="14">
        <v>4084</v>
      </c>
    </row>
    <row r="24" spans="1:11" ht="15" customHeight="1">
      <c r="A24" s="17" t="s">
        <v>45</v>
      </c>
      <c r="B24" s="17"/>
      <c r="C24" s="13">
        <v>1046</v>
      </c>
      <c r="D24" s="19">
        <v>566</v>
      </c>
      <c r="E24" s="19">
        <v>480</v>
      </c>
      <c r="F24" s="19"/>
      <c r="G24" s="18" t="s">
        <v>46</v>
      </c>
      <c r="H24" s="17"/>
      <c r="I24" s="13">
        <v>1476</v>
      </c>
      <c r="J24" s="19">
        <v>776</v>
      </c>
      <c r="K24" s="19">
        <v>700</v>
      </c>
    </row>
    <row r="25" spans="1:11" ht="15" customHeight="1">
      <c r="A25" s="17" t="s">
        <v>47</v>
      </c>
      <c r="B25" s="17"/>
      <c r="C25" s="13">
        <v>1081</v>
      </c>
      <c r="D25" s="19">
        <v>549</v>
      </c>
      <c r="E25" s="19">
        <v>532</v>
      </c>
      <c r="F25" s="19"/>
      <c r="G25" s="18" t="s">
        <v>48</v>
      </c>
      <c r="H25" s="17"/>
      <c r="I25" s="13">
        <v>1486</v>
      </c>
      <c r="J25" s="19">
        <v>712</v>
      </c>
      <c r="K25" s="19">
        <v>774</v>
      </c>
    </row>
    <row r="26" spans="1:11" ht="15" customHeight="1">
      <c r="A26" s="17" t="s">
        <v>49</v>
      </c>
      <c r="B26" s="17"/>
      <c r="C26" s="13">
        <v>1132</v>
      </c>
      <c r="D26" s="19">
        <v>602</v>
      </c>
      <c r="E26" s="19">
        <v>530</v>
      </c>
      <c r="F26" s="19"/>
      <c r="G26" s="18" t="s">
        <v>50</v>
      </c>
      <c r="H26" s="17"/>
      <c r="I26" s="13">
        <v>1613</v>
      </c>
      <c r="J26" s="19">
        <v>783</v>
      </c>
      <c r="K26" s="19">
        <v>830</v>
      </c>
    </row>
    <row r="27" spans="1:11" ht="15" customHeight="1">
      <c r="A27" s="17" t="s">
        <v>51</v>
      </c>
      <c r="B27" s="17"/>
      <c r="C27" s="13">
        <v>1174</v>
      </c>
      <c r="D27" s="19">
        <v>603</v>
      </c>
      <c r="E27" s="19">
        <v>571</v>
      </c>
      <c r="F27" s="19"/>
      <c r="G27" s="18" t="s">
        <v>52</v>
      </c>
      <c r="H27" s="17"/>
      <c r="I27" s="13">
        <v>1616</v>
      </c>
      <c r="J27" s="19">
        <v>789</v>
      </c>
      <c r="K27" s="19">
        <v>827</v>
      </c>
    </row>
    <row r="28" spans="1:11" ht="15" customHeight="1">
      <c r="A28" s="17" t="s">
        <v>53</v>
      </c>
      <c r="B28" s="17"/>
      <c r="C28" s="13">
        <v>1327</v>
      </c>
      <c r="D28" s="19">
        <v>661</v>
      </c>
      <c r="E28" s="19">
        <v>666</v>
      </c>
      <c r="F28" s="19"/>
      <c r="G28" s="18" t="s">
        <v>54</v>
      </c>
      <c r="H28" s="17"/>
      <c r="I28" s="13">
        <v>1814</v>
      </c>
      <c r="J28" s="19">
        <v>861</v>
      </c>
      <c r="K28" s="19">
        <v>953</v>
      </c>
    </row>
    <row r="29" spans="1:11" ht="20.100000000000001" customHeight="1">
      <c r="A29" s="17" t="s">
        <v>55</v>
      </c>
      <c r="B29" s="17"/>
      <c r="C29" s="13">
        <v>7012</v>
      </c>
      <c r="D29" s="14">
        <v>3615</v>
      </c>
      <c r="E29" s="14">
        <v>3397</v>
      </c>
      <c r="F29" s="14"/>
      <c r="G29" s="18" t="s">
        <v>56</v>
      </c>
      <c r="H29" s="17"/>
      <c r="I29" s="13">
        <v>8678</v>
      </c>
      <c r="J29" s="14">
        <v>4039</v>
      </c>
      <c r="K29" s="14">
        <v>4639</v>
      </c>
    </row>
    <row r="30" spans="1:11" ht="15" customHeight="1">
      <c r="A30" s="17" t="s">
        <v>57</v>
      </c>
      <c r="B30" s="17"/>
      <c r="C30" s="13">
        <v>1383</v>
      </c>
      <c r="D30" s="19">
        <v>697</v>
      </c>
      <c r="E30" s="19">
        <v>686</v>
      </c>
      <c r="F30" s="19"/>
      <c r="G30" s="18" t="s">
        <v>58</v>
      </c>
      <c r="H30" s="17"/>
      <c r="I30" s="13">
        <v>2087</v>
      </c>
      <c r="J30" s="19">
        <v>980</v>
      </c>
      <c r="K30" s="19">
        <v>1107</v>
      </c>
    </row>
    <row r="31" spans="1:11" ht="15" customHeight="1">
      <c r="A31" s="17" t="s">
        <v>59</v>
      </c>
      <c r="B31" s="17"/>
      <c r="C31" s="13">
        <v>1383</v>
      </c>
      <c r="D31" s="19">
        <v>756</v>
      </c>
      <c r="E31" s="19">
        <v>627</v>
      </c>
      <c r="F31" s="19"/>
      <c r="G31" s="18" t="s">
        <v>60</v>
      </c>
      <c r="H31" s="17"/>
      <c r="I31" s="13">
        <v>2028</v>
      </c>
      <c r="J31" s="19">
        <v>947</v>
      </c>
      <c r="K31" s="19">
        <v>1081</v>
      </c>
    </row>
    <row r="32" spans="1:11" ht="15" customHeight="1">
      <c r="A32" s="17" t="s">
        <v>61</v>
      </c>
      <c r="B32" s="17"/>
      <c r="C32" s="13">
        <v>1400</v>
      </c>
      <c r="D32" s="19">
        <v>725</v>
      </c>
      <c r="E32" s="19">
        <v>675</v>
      </c>
      <c r="F32" s="19"/>
      <c r="G32" s="18" t="s">
        <v>62</v>
      </c>
      <c r="H32" s="17"/>
      <c r="I32" s="13">
        <v>2018</v>
      </c>
      <c r="J32" s="19">
        <v>926</v>
      </c>
      <c r="K32" s="19">
        <v>1092</v>
      </c>
    </row>
    <row r="33" spans="1:11" ht="15" customHeight="1">
      <c r="A33" s="17" t="s">
        <v>63</v>
      </c>
      <c r="B33" s="17"/>
      <c r="C33" s="13">
        <v>1416</v>
      </c>
      <c r="D33" s="19">
        <v>706</v>
      </c>
      <c r="E33" s="19">
        <v>710</v>
      </c>
      <c r="F33" s="19"/>
      <c r="G33" s="18" t="s">
        <v>64</v>
      </c>
      <c r="H33" s="17"/>
      <c r="I33" s="13">
        <v>1369</v>
      </c>
      <c r="J33" s="19">
        <v>670</v>
      </c>
      <c r="K33" s="19">
        <v>699</v>
      </c>
    </row>
    <row r="34" spans="1:11" ht="15" customHeight="1">
      <c r="A34" s="17" t="s">
        <v>65</v>
      </c>
      <c r="B34" s="17"/>
      <c r="C34" s="13">
        <v>1430</v>
      </c>
      <c r="D34" s="19">
        <v>731</v>
      </c>
      <c r="E34" s="19">
        <v>699</v>
      </c>
      <c r="F34" s="19"/>
      <c r="G34" s="18" t="s">
        <v>66</v>
      </c>
      <c r="H34" s="17"/>
      <c r="I34" s="13">
        <v>1176</v>
      </c>
      <c r="J34" s="19">
        <v>516</v>
      </c>
      <c r="K34" s="19">
        <v>660</v>
      </c>
    </row>
    <row r="35" spans="1:11" ht="20.100000000000001" customHeight="1">
      <c r="A35" s="17" t="s">
        <v>67</v>
      </c>
      <c r="B35" s="17"/>
      <c r="C35" s="13">
        <v>6828</v>
      </c>
      <c r="D35" s="14">
        <v>3523</v>
      </c>
      <c r="E35" s="14">
        <v>3305</v>
      </c>
      <c r="F35" s="14"/>
      <c r="G35" s="18" t="s">
        <v>68</v>
      </c>
      <c r="H35" s="17"/>
      <c r="I35" s="13">
        <v>7513</v>
      </c>
      <c r="J35" s="14">
        <v>3378</v>
      </c>
      <c r="K35" s="14">
        <v>4135</v>
      </c>
    </row>
    <row r="36" spans="1:11" ht="15" customHeight="1">
      <c r="A36" s="17" t="s">
        <v>69</v>
      </c>
      <c r="B36" s="17"/>
      <c r="C36" s="13">
        <v>1397</v>
      </c>
      <c r="D36" s="19">
        <v>705</v>
      </c>
      <c r="E36" s="19">
        <v>692</v>
      </c>
      <c r="F36" s="19"/>
      <c r="G36" s="18" t="s">
        <v>70</v>
      </c>
      <c r="H36" s="17"/>
      <c r="I36" s="13">
        <v>1499</v>
      </c>
      <c r="J36" s="19">
        <v>684</v>
      </c>
      <c r="K36" s="19">
        <v>815</v>
      </c>
    </row>
    <row r="37" spans="1:11" ht="15" customHeight="1">
      <c r="A37" s="17" t="s">
        <v>71</v>
      </c>
      <c r="B37" s="17"/>
      <c r="C37" s="13">
        <v>1363</v>
      </c>
      <c r="D37" s="19">
        <v>682</v>
      </c>
      <c r="E37" s="19">
        <v>681</v>
      </c>
      <c r="F37" s="19"/>
      <c r="G37" s="18" t="s">
        <v>72</v>
      </c>
      <c r="H37" s="17"/>
      <c r="I37" s="13">
        <v>1651</v>
      </c>
      <c r="J37" s="19">
        <v>746</v>
      </c>
      <c r="K37" s="19">
        <v>905</v>
      </c>
    </row>
    <row r="38" spans="1:11" ht="15" customHeight="1">
      <c r="A38" s="17" t="s">
        <v>73</v>
      </c>
      <c r="B38" s="17"/>
      <c r="C38" s="13">
        <v>1324</v>
      </c>
      <c r="D38" s="19">
        <v>659</v>
      </c>
      <c r="E38" s="19">
        <v>665</v>
      </c>
      <c r="F38" s="19"/>
      <c r="G38" s="18" t="s">
        <v>74</v>
      </c>
      <c r="H38" s="17"/>
      <c r="I38" s="13">
        <v>1538</v>
      </c>
      <c r="J38" s="19">
        <v>693</v>
      </c>
      <c r="K38" s="19">
        <v>845</v>
      </c>
    </row>
    <row r="39" spans="1:11" ht="15" customHeight="1">
      <c r="A39" s="17" t="s">
        <v>75</v>
      </c>
      <c r="B39" s="17"/>
      <c r="C39" s="13">
        <v>1383</v>
      </c>
      <c r="D39" s="19">
        <v>729</v>
      </c>
      <c r="E39" s="19">
        <v>654</v>
      </c>
      <c r="F39" s="19"/>
      <c r="G39" s="18" t="s">
        <v>76</v>
      </c>
      <c r="H39" s="17"/>
      <c r="I39" s="13">
        <v>1440</v>
      </c>
      <c r="J39" s="19">
        <v>630</v>
      </c>
      <c r="K39" s="19">
        <v>810</v>
      </c>
    </row>
    <row r="40" spans="1:11" ht="15" customHeight="1">
      <c r="A40" s="17" t="s">
        <v>77</v>
      </c>
      <c r="B40" s="17"/>
      <c r="C40" s="13">
        <v>1361</v>
      </c>
      <c r="D40" s="19">
        <v>748</v>
      </c>
      <c r="E40" s="19">
        <v>613</v>
      </c>
      <c r="F40" s="19"/>
      <c r="G40" s="18" t="s">
        <v>78</v>
      </c>
      <c r="H40" s="17"/>
      <c r="I40" s="13">
        <v>1385</v>
      </c>
      <c r="J40" s="19">
        <v>625</v>
      </c>
      <c r="K40" s="19">
        <v>760</v>
      </c>
    </row>
    <row r="41" spans="1:11" ht="20.100000000000001" customHeight="1">
      <c r="A41" s="17" t="s">
        <v>79</v>
      </c>
      <c r="B41" s="17"/>
      <c r="C41" s="13">
        <v>7255</v>
      </c>
      <c r="D41" s="14">
        <v>3752</v>
      </c>
      <c r="E41" s="14">
        <v>3503</v>
      </c>
      <c r="F41" s="14"/>
      <c r="G41" s="18" t="s">
        <v>80</v>
      </c>
      <c r="H41" s="17"/>
      <c r="I41" s="13">
        <v>4902</v>
      </c>
      <c r="J41" s="14">
        <v>2217</v>
      </c>
      <c r="K41" s="14">
        <v>2685</v>
      </c>
    </row>
    <row r="42" spans="1:11" ht="15" customHeight="1">
      <c r="A42" s="17" t="s">
        <v>81</v>
      </c>
      <c r="B42" s="17"/>
      <c r="C42" s="13">
        <v>1380</v>
      </c>
      <c r="D42" s="19">
        <v>744</v>
      </c>
      <c r="E42" s="19">
        <v>636</v>
      </c>
      <c r="F42" s="19"/>
      <c r="G42" s="18" t="s">
        <v>82</v>
      </c>
      <c r="H42" s="17"/>
      <c r="I42" s="13">
        <v>1120</v>
      </c>
      <c r="J42" s="19">
        <v>519</v>
      </c>
      <c r="K42" s="19">
        <v>601</v>
      </c>
    </row>
    <row r="43" spans="1:11" ht="15" customHeight="1">
      <c r="A43" s="17" t="s">
        <v>83</v>
      </c>
      <c r="B43" s="17"/>
      <c r="C43" s="13">
        <v>1554</v>
      </c>
      <c r="D43" s="19">
        <v>781</v>
      </c>
      <c r="E43" s="19">
        <v>773</v>
      </c>
      <c r="F43" s="19"/>
      <c r="G43" s="18" t="s">
        <v>84</v>
      </c>
      <c r="H43" s="17"/>
      <c r="I43" s="13">
        <v>994</v>
      </c>
      <c r="J43" s="19">
        <v>443</v>
      </c>
      <c r="K43" s="19">
        <v>551</v>
      </c>
    </row>
    <row r="44" spans="1:11" ht="15" customHeight="1">
      <c r="A44" s="17" t="s">
        <v>85</v>
      </c>
      <c r="B44" s="17"/>
      <c r="C44" s="13">
        <v>1352</v>
      </c>
      <c r="D44" s="19">
        <v>690</v>
      </c>
      <c r="E44" s="19">
        <v>662</v>
      </c>
      <c r="F44" s="19"/>
      <c r="G44" s="18" t="s">
        <v>86</v>
      </c>
      <c r="H44" s="17"/>
      <c r="I44" s="13">
        <v>1029</v>
      </c>
      <c r="J44" s="19">
        <v>463</v>
      </c>
      <c r="K44" s="19">
        <v>566</v>
      </c>
    </row>
    <row r="45" spans="1:11" ht="15" customHeight="1">
      <c r="A45" s="17" t="s">
        <v>87</v>
      </c>
      <c r="B45" s="17"/>
      <c r="C45" s="13">
        <v>1543</v>
      </c>
      <c r="D45" s="19">
        <v>808</v>
      </c>
      <c r="E45" s="19">
        <v>735</v>
      </c>
      <c r="F45" s="19"/>
      <c r="G45" s="18" t="s">
        <v>88</v>
      </c>
      <c r="H45" s="17"/>
      <c r="I45" s="13">
        <v>922</v>
      </c>
      <c r="J45" s="19">
        <v>407</v>
      </c>
      <c r="K45" s="19">
        <v>515</v>
      </c>
    </row>
    <row r="46" spans="1:11" ht="15" customHeight="1">
      <c r="A46" s="17" t="s">
        <v>89</v>
      </c>
      <c r="B46" s="17"/>
      <c r="C46" s="13">
        <v>1426</v>
      </c>
      <c r="D46" s="19">
        <v>729</v>
      </c>
      <c r="E46" s="19">
        <v>697</v>
      </c>
      <c r="F46" s="19"/>
      <c r="G46" s="18" t="s">
        <v>90</v>
      </c>
      <c r="H46" s="17"/>
      <c r="I46" s="13">
        <v>837</v>
      </c>
      <c r="J46" s="19">
        <v>385</v>
      </c>
      <c r="K46" s="19">
        <v>452</v>
      </c>
    </row>
    <row r="47" spans="1:11" ht="20.100000000000001" customHeight="1">
      <c r="A47" s="17" t="s">
        <v>91</v>
      </c>
      <c r="B47" s="17"/>
      <c r="C47" s="13">
        <v>7811</v>
      </c>
      <c r="D47" s="14">
        <v>4036</v>
      </c>
      <c r="E47" s="14">
        <v>3775</v>
      </c>
      <c r="F47" s="14"/>
      <c r="G47" s="18" t="s">
        <v>92</v>
      </c>
      <c r="H47" s="17"/>
      <c r="I47" s="13">
        <v>2577</v>
      </c>
      <c r="J47" s="14">
        <v>989</v>
      </c>
      <c r="K47" s="14">
        <v>1588</v>
      </c>
    </row>
    <row r="48" spans="1:11" ht="15" customHeight="1">
      <c r="A48" s="17" t="s">
        <v>93</v>
      </c>
      <c r="B48" s="17"/>
      <c r="C48" s="13">
        <v>1482</v>
      </c>
      <c r="D48" s="19">
        <v>791</v>
      </c>
      <c r="E48" s="19">
        <v>691</v>
      </c>
      <c r="F48" s="19"/>
      <c r="G48" s="18" t="s">
        <v>94</v>
      </c>
      <c r="H48" s="17"/>
      <c r="I48" s="13">
        <v>689</v>
      </c>
      <c r="J48" s="19">
        <v>294</v>
      </c>
      <c r="K48" s="19">
        <v>395</v>
      </c>
    </row>
    <row r="49" spans="1:11" ht="15" customHeight="1">
      <c r="A49" s="17" t="s">
        <v>95</v>
      </c>
      <c r="B49" s="17"/>
      <c r="C49" s="13">
        <v>1574</v>
      </c>
      <c r="D49" s="19">
        <v>814</v>
      </c>
      <c r="E49" s="19">
        <v>760</v>
      </c>
      <c r="F49" s="19"/>
      <c r="G49" s="18" t="s">
        <v>96</v>
      </c>
      <c r="H49" s="17"/>
      <c r="I49" s="13">
        <v>605</v>
      </c>
      <c r="J49" s="19">
        <v>253</v>
      </c>
      <c r="K49" s="19">
        <v>352</v>
      </c>
    </row>
    <row r="50" spans="1:11" ht="15" customHeight="1">
      <c r="A50" s="17" t="s">
        <v>97</v>
      </c>
      <c r="B50" s="17"/>
      <c r="C50" s="13">
        <v>1565</v>
      </c>
      <c r="D50" s="19">
        <v>824</v>
      </c>
      <c r="E50" s="19">
        <v>741</v>
      </c>
      <c r="F50" s="19"/>
      <c r="G50" s="18" t="s">
        <v>98</v>
      </c>
      <c r="H50" s="17"/>
      <c r="I50" s="13">
        <v>506</v>
      </c>
      <c r="J50" s="19">
        <v>182</v>
      </c>
      <c r="K50" s="19">
        <v>324</v>
      </c>
    </row>
    <row r="51" spans="1:11" ht="15" customHeight="1">
      <c r="A51" s="17" t="s">
        <v>99</v>
      </c>
      <c r="B51" s="17"/>
      <c r="C51" s="13">
        <v>1626</v>
      </c>
      <c r="D51" s="19">
        <v>845</v>
      </c>
      <c r="E51" s="19">
        <v>781</v>
      </c>
      <c r="F51" s="19"/>
      <c r="G51" s="18" t="s">
        <v>100</v>
      </c>
      <c r="H51" s="17"/>
      <c r="I51" s="13">
        <v>425</v>
      </c>
      <c r="J51" s="19">
        <v>142</v>
      </c>
      <c r="K51" s="19">
        <v>283</v>
      </c>
    </row>
    <row r="52" spans="1:11" ht="15" customHeight="1">
      <c r="A52" s="17" t="s">
        <v>101</v>
      </c>
      <c r="B52" s="17"/>
      <c r="C52" s="13">
        <v>1564</v>
      </c>
      <c r="D52" s="19">
        <v>762</v>
      </c>
      <c r="E52" s="19">
        <v>802</v>
      </c>
      <c r="F52" s="19"/>
      <c r="G52" s="18" t="s">
        <v>102</v>
      </c>
      <c r="H52" s="17"/>
      <c r="I52" s="13">
        <v>352</v>
      </c>
      <c r="J52" s="19">
        <v>118</v>
      </c>
      <c r="K52" s="19">
        <v>234</v>
      </c>
    </row>
    <row r="53" spans="1:11" ht="20.100000000000001" customHeight="1">
      <c r="A53" s="17" t="s">
        <v>103</v>
      </c>
      <c r="B53" s="17"/>
      <c r="C53" s="13">
        <v>9515</v>
      </c>
      <c r="D53" s="14">
        <v>4946</v>
      </c>
      <c r="E53" s="14">
        <v>4569</v>
      </c>
      <c r="F53" s="14"/>
      <c r="G53" s="18" t="s">
        <v>104</v>
      </c>
      <c r="H53" s="17"/>
      <c r="I53" s="13">
        <v>1056</v>
      </c>
      <c r="J53" s="14">
        <v>307</v>
      </c>
      <c r="K53" s="14">
        <v>749</v>
      </c>
    </row>
    <row r="54" spans="1:11" ht="15" customHeight="1">
      <c r="A54" s="17" t="s">
        <v>105</v>
      </c>
      <c r="B54" s="17"/>
      <c r="C54" s="13">
        <v>1839</v>
      </c>
      <c r="D54" s="19">
        <v>961</v>
      </c>
      <c r="E54" s="19">
        <v>878</v>
      </c>
      <c r="F54" s="19"/>
      <c r="G54" s="18" t="s">
        <v>106</v>
      </c>
      <c r="H54" s="17"/>
      <c r="I54" s="13">
        <v>274</v>
      </c>
      <c r="J54" s="19">
        <v>85</v>
      </c>
      <c r="K54" s="19">
        <v>189</v>
      </c>
    </row>
    <row r="55" spans="1:11" ht="15" customHeight="1">
      <c r="A55" s="17" t="s">
        <v>107</v>
      </c>
      <c r="B55" s="17"/>
      <c r="C55" s="13">
        <v>1756</v>
      </c>
      <c r="D55" s="19">
        <v>889</v>
      </c>
      <c r="E55" s="19">
        <v>867</v>
      </c>
      <c r="F55" s="19"/>
      <c r="G55" s="18" t="s">
        <v>108</v>
      </c>
      <c r="H55" s="17"/>
      <c r="I55" s="13">
        <v>278</v>
      </c>
      <c r="J55" s="19">
        <v>92</v>
      </c>
      <c r="K55" s="19">
        <v>186</v>
      </c>
    </row>
    <row r="56" spans="1:11" ht="15" customHeight="1">
      <c r="A56" s="17" t="s">
        <v>109</v>
      </c>
      <c r="B56" s="17"/>
      <c r="C56" s="13">
        <v>1848</v>
      </c>
      <c r="D56" s="19">
        <v>961</v>
      </c>
      <c r="E56" s="19">
        <v>887</v>
      </c>
      <c r="F56" s="19"/>
      <c r="G56" s="18" t="s">
        <v>110</v>
      </c>
      <c r="H56" s="17"/>
      <c r="I56" s="13">
        <v>193</v>
      </c>
      <c r="J56" s="19">
        <v>49</v>
      </c>
      <c r="K56" s="19">
        <v>144</v>
      </c>
    </row>
    <row r="57" spans="1:11" ht="15" customHeight="1">
      <c r="A57" s="17" t="s">
        <v>111</v>
      </c>
      <c r="B57" s="17"/>
      <c r="C57" s="13">
        <v>2026</v>
      </c>
      <c r="D57" s="19">
        <v>1042</v>
      </c>
      <c r="E57" s="19">
        <v>984</v>
      </c>
      <c r="F57" s="19"/>
      <c r="G57" s="18" t="s">
        <v>112</v>
      </c>
      <c r="H57" s="17"/>
      <c r="I57" s="13">
        <v>149</v>
      </c>
      <c r="J57" s="19">
        <v>41</v>
      </c>
      <c r="K57" s="19">
        <v>108</v>
      </c>
    </row>
    <row r="58" spans="1:11" ht="15" customHeight="1">
      <c r="A58" s="17" t="s">
        <v>113</v>
      </c>
      <c r="B58" s="17"/>
      <c r="C58" s="13">
        <v>2046</v>
      </c>
      <c r="D58" s="19">
        <v>1093</v>
      </c>
      <c r="E58" s="19">
        <v>953</v>
      </c>
      <c r="F58" s="19"/>
      <c r="G58" s="18" t="s">
        <v>114</v>
      </c>
      <c r="H58" s="17"/>
      <c r="I58" s="13">
        <v>162</v>
      </c>
      <c r="J58" s="19">
        <v>40</v>
      </c>
      <c r="K58" s="19">
        <v>122</v>
      </c>
    </row>
    <row r="59" spans="1:11" ht="20.100000000000001" customHeight="1">
      <c r="A59" s="17" t="s">
        <v>115</v>
      </c>
      <c r="B59" s="17"/>
      <c r="C59" s="13">
        <v>11473</v>
      </c>
      <c r="D59" s="14">
        <v>5988</v>
      </c>
      <c r="E59" s="14">
        <v>5485</v>
      </c>
      <c r="F59" s="14"/>
      <c r="G59" s="18" t="s">
        <v>116</v>
      </c>
      <c r="H59" s="17"/>
      <c r="I59" s="13">
        <v>279</v>
      </c>
      <c r="J59" s="14">
        <v>52</v>
      </c>
      <c r="K59" s="14">
        <v>227</v>
      </c>
    </row>
    <row r="60" spans="1:11" ht="15" customHeight="1">
      <c r="A60" s="17" t="s">
        <v>117</v>
      </c>
      <c r="B60" s="17"/>
      <c r="C60" s="13">
        <v>2266</v>
      </c>
      <c r="D60" s="19">
        <v>1185</v>
      </c>
      <c r="E60" s="19">
        <v>1081</v>
      </c>
      <c r="F60" s="19"/>
      <c r="G60" s="18" t="s">
        <v>118</v>
      </c>
      <c r="H60" s="17"/>
      <c r="I60" s="13">
        <v>104</v>
      </c>
      <c r="J60" s="19">
        <v>25</v>
      </c>
      <c r="K60" s="19">
        <v>79</v>
      </c>
    </row>
    <row r="61" spans="1:11" ht="15" customHeight="1">
      <c r="A61" s="17" t="s">
        <v>119</v>
      </c>
      <c r="B61" s="17"/>
      <c r="C61" s="13">
        <v>2280</v>
      </c>
      <c r="D61" s="19">
        <v>1191</v>
      </c>
      <c r="E61" s="19">
        <v>1089</v>
      </c>
      <c r="F61" s="19"/>
      <c r="G61" s="18" t="s">
        <v>120</v>
      </c>
      <c r="H61" s="17"/>
      <c r="I61" s="13">
        <v>74</v>
      </c>
      <c r="J61" s="19">
        <v>9</v>
      </c>
      <c r="K61" s="19">
        <v>65</v>
      </c>
    </row>
    <row r="62" spans="1:11" ht="15" customHeight="1">
      <c r="A62" s="17" t="s">
        <v>121</v>
      </c>
      <c r="B62" s="17"/>
      <c r="C62" s="13">
        <v>2332</v>
      </c>
      <c r="D62" s="19">
        <v>1197</v>
      </c>
      <c r="E62" s="19">
        <v>1135</v>
      </c>
      <c r="F62" s="19"/>
      <c r="G62" s="18" t="s">
        <v>122</v>
      </c>
      <c r="H62" s="17"/>
      <c r="I62" s="13">
        <v>59</v>
      </c>
      <c r="J62" s="19">
        <v>9</v>
      </c>
      <c r="K62" s="19">
        <v>50</v>
      </c>
    </row>
    <row r="63" spans="1:11" ht="15" customHeight="1">
      <c r="A63" s="17" t="s">
        <v>123</v>
      </c>
      <c r="B63" s="17"/>
      <c r="C63" s="13">
        <v>2276</v>
      </c>
      <c r="D63" s="19">
        <v>1239</v>
      </c>
      <c r="E63" s="19">
        <v>1037</v>
      </c>
      <c r="F63" s="19"/>
      <c r="G63" s="18" t="s">
        <v>124</v>
      </c>
      <c r="H63" s="17"/>
      <c r="I63" s="13">
        <v>27</v>
      </c>
      <c r="J63" s="19">
        <v>5</v>
      </c>
      <c r="K63" s="19">
        <v>22</v>
      </c>
    </row>
    <row r="64" spans="1:11" ht="15" customHeight="1">
      <c r="A64" s="17" t="s">
        <v>125</v>
      </c>
      <c r="B64" s="17"/>
      <c r="C64" s="13">
        <v>2319</v>
      </c>
      <c r="D64" s="19">
        <v>1176</v>
      </c>
      <c r="E64" s="19">
        <v>1143</v>
      </c>
      <c r="F64" s="19"/>
      <c r="G64" s="18" t="s">
        <v>126</v>
      </c>
      <c r="H64" s="17"/>
      <c r="I64" s="13">
        <v>15</v>
      </c>
      <c r="J64" s="19">
        <v>4</v>
      </c>
      <c r="K64" s="19">
        <v>1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5</v>
      </c>
      <c r="J65" s="19">
        <v>9</v>
      </c>
      <c r="K65" s="19">
        <v>4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93</v>
      </c>
      <c r="J66" s="29">
        <v>557</v>
      </c>
      <c r="K66" s="29">
        <v>736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84484</v>
      </c>
      <c r="D4" s="14">
        <v>43106</v>
      </c>
      <c r="E4" s="14">
        <v>413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234</v>
      </c>
      <c r="D5" s="14">
        <v>1692</v>
      </c>
      <c r="E5" s="14">
        <v>1542</v>
      </c>
      <c r="F5" s="14"/>
      <c r="G5" s="18" t="s">
        <v>8</v>
      </c>
      <c r="H5" s="17"/>
      <c r="I5" s="13">
        <v>6030</v>
      </c>
      <c r="J5" s="14">
        <v>3265</v>
      </c>
      <c r="K5" s="14">
        <v>2765</v>
      </c>
    </row>
    <row r="6" spans="1:11" ht="15" customHeight="1">
      <c r="A6" s="17" t="s">
        <v>9</v>
      </c>
      <c r="B6" s="17"/>
      <c r="C6" s="13">
        <v>574</v>
      </c>
      <c r="D6" s="19">
        <v>275</v>
      </c>
      <c r="E6" s="19">
        <v>299</v>
      </c>
      <c r="F6" s="19"/>
      <c r="G6" s="18" t="s">
        <v>10</v>
      </c>
      <c r="H6" s="17"/>
      <c r="I6" s="13">
        <v>1360</v>
      </c>
      <c r="J6" s="19">
        <v>744</v>
      </c>
      <c r="K6" s="19">
        <v>616</v>
      </c>
    </row>
    <row r="7" spans="1:11" ht="15" customHeight="1">
      <c r="A7" s="17" t="s">
        <v>11</v>
      </c>
      <c r="B7" s="17"/>
      <c r="C7" s="13">
        <v>641</v>
      </c>
      <c r="D7" s="19">
        <v>348</v>
      </c>
      <c r="E7" s="19">
        <v>293</v>
      </c>
      <c r="F7" s="19"/>
      <c r="G7" s="18" t="s">
        <v>12</v>
      </c>
      <c r="H7" s="17"/>
      <c r="I7" s="13">
        <v>1326</v>
      </c>
      <c r="J7" s="19">
        <v>712</v>
      </c>
      <c r="K7" s="19">
        <v>614</v>
      </c>
    </row>
    <row r="8" spans="1:11" ht="15" customHeight="1">
      <c r="A8" s="17" t="s">
        <v>13</v>
      </c>
      <c r="B8" s="17"/>
      <c r="C8" s="13">
        <v>665</v>
      </c>
      <c r="D8" s="19">
        <v>376</v>
      </c>
      <c r="E8" s="19">
        <v>289</v>
      </c>
      <c r="F8" s="19"/>
      <c r="G8" s="18" t="s">
        <v>14</v>
      </c>
      <c r="H8" s="17"/>
      <c r="I8" s="13">
        <v>1332</v>
      </c>
      <c r="J8" s="19">
        <v>743</v>
      </c>
      <c r="K8" s="19">
        <v>589</v>
      </c>
    </row>
    <row r="9" spans="1:11" ht="15" customHeight="1">
      <c r="A9" s="17" t="s">
        <v>15</v>
      </c>
      <c r="B9" s="17"/>
      <c r="C9" s="13">
        <v>655</v>
      </c>
      <c r="D9" s="19">
        <v>316</v>
      </c>
      <c r="E9" s="19">
        <v>339</v>
      </c>
      <c r="F9" s="19"/>
      <c r="G9" s="18" t="s">
        <v>16</v>
      </c>
      <c r="H9" s="17"/>
      <c r="I9" s="13">
        <v>893</v>
      </c>
      <c r="J9" s="19">
        <v>478</v>
      </c>
      <c r="K9" s="19">
        <v>415</v>
      </c>
    </row>
    <row r="10" spans="1:11" ht="15" customHeight="1">
      <c r="A10" s="17" t="s">
        <v>17</v>
      </c>
      <c r="B10" s="17"/>
      <c r="C10" s="13">
        <v>699</v>
      </c>
      <c r="D10" s="19">
        <v>377</v>
      </c>
      <c r="E10" s="19">
        <v>322</v>
      </c>
      <c r="F10" s="19"/>
      <c r="G10" s="18" t="s">
        <v>18</v>
      </c>
      <c r="H10" s="17"/>
      <c r="I10" s="13">
        <v>1119</v>
      </c>
      <c r="J10" s="19">
        <v>588</v>
      </c>
      <c r="K10" s="19">
        <v>531</v>
      </c>
    </row>
    <row r="11" spans="1:11" ht="20.100000000000001" customHeight="1">
      <c r="A11" s="17" t="s">
        <v>19</v>
      </c>
      <c r="B11" s="17"/>
      <c r="C11" s="13">
        <v>3875</v>
      </c>
      <c r="D11" s="14">
        <v>1947</v>
      </c>
      <c r="E11" s="14">
        <v>1928</v>
      </c>
      <c r="F11" s="14"/>
      <c r="G11" s="18" t="s">
        <v>20</v>
      </c>
      <c r="H11" s="17"/>
      <c r="I11" s="13">
        <v>4393</v>
      </c>
      <c r="J11" s="14">
        <v>2387</v>
      </c>
      <c r="K11" s="14">
        <v>2006</v>
      </c>
    </row>
    <row r="12" spans="1:11" ht="15" customHeight="1">
      <c r="A12" s="17" t="s">
        <v>21</v>
      </c>
      <c r="B12" s="17"/>
      <c r="C12" s="13">
        <v>725</v>
      </c>
      <c r="D12" s="19">
        <v>351</v>
      </c>
      <c r="E12" s="19">
        <v>374</v>
      </c>
      <c r="F12" s="19"/>
      <c r="G12" s="18" t="s">
        <v>22</v>
      </c>
      <c r="H12" s="17"/>
      <c r="I12" s="13">
        <v>960</v>
      </c>
      <c r="J12" s="19">
        <v>535</v>
      </c>
      <c r="K12" s="19">
        <v>425</v>
      </c>
    </row>
    <row r="13" spans="1:11" ht="15" customHeight="1">
      <c r="A13" s="17" t="s">
        <v>23</v>
      </c>
      <c r="B13" s="17"/>
      <c r="C13" s="13">
        <v>746</v>
      </c>
      <c r="D13" s="19">
        <v>360</v>
      </c>
      <c r="E13" s="19">
        <v>386</v>
      </c>
      <c r="F13" s="19"/>
      <c r="G13" s="18" t="s">
        <v>24</v>
      </c>
      <c r="H13" s="17"/>
      <c r="I13" s="13">
        <v>909</v>
      </c>
      <c r="J13" s="19">
        <v>458</v>
      </c>
      <c r="K13" s="19">
        <v>451</v>
      </c>
    </row>
    <row r="14" spans="1:11" ht="15" customHeight="1">
      <c r="A14" s="17" t="s">
        <v>25</v>
      </c>
      <c r="B14" s="17"/>
      <c r="C14" s="13">
        <v>776</v>
      </c>
      <c r="D14" s="19">
        <v>390</v>
      </c>
      <c r="E14" s="19">
        <v>386</v>
      </c>
      <c r="F14" s="19"/>
      <c r="G14" s="18" t="s">
        <v>26</v>
      </c>
      <c r="H14" s="17"/>
      <c r="I14" s="13">
        <v>901</v>
      </c>
      <c r="J14" s="19">
        <v>524</v>
      </c>
      <c r="K14" s="19">
        <v>377</v>
      </c>
    </row>
    <row r="15" spans="1:11" ht="15" customHeight="1">
      <c r="A15" s="17" t="s">
        <v>27</v>
      </c>
      <c r="B15" s="17"/>
      <c r="C15" s="13">
        <v>781</v>
      </c>
      <c r="D15" s="19">
        <v>389</v>
      </c>
      <c r="E15" s="19">
        <v>392</v>
      </c>
      <c r="F15" s="19"/>
      <c r="G15" s="18" t="s">
        <v>28</v>
      </c>
      <c r="H15" s="17"/>
      <c r="I15" s="13">
        <v>854</v>
      </c>
      <c r="J15" s="19">
        <v>472</v>
      </c>
      <c r="K15" s="19">
        <v>382</v>
      </c>
    </row>
    <row r="16" spans="1:11" ht="15" customHeight="1">
      <c r="A16" s="17" t="s">
        <v>29</v>
      </c>
      <c r="B16" s="17"/>
      <c r="C16" s="13">
        <v>847</v>
      </c>
      <c r="D16" s="19">
        <v>457</v>
      </c>
      <c r="E16" s="19">
        <v>390</v>
      </c>
      <c r="F16" s="19"/>
      <c r="G16" s="18" t="s">
        <v>30</v>
      </c>
      <c r="H16" s="17"/>
      <c r="I16" s="13">
        <v>769</v>
      </c>
      <c r="J16" s="19">
        <v>398</v>
      </c>
      <c r="K16" s="19">
        <v>371</v>
      </c>
    </row>
    <row r="17" spans="1:11" ht="20.100000000000001" customHeight="1">
      <c r="A17" s="20" t="s">
        <v>31</v>
      </c>
      <c r="B17" s="20"/>
      <c r="C17" s="13">
        <v>3988</v>
      </c>
      <c r="D17" s="14">
        <v>2061</v>
      </c>
      <c r="E17" s="14">
        <v>1927</v>
      </c>
      <c r="F17" s="14"/>
      <c r="G17" s="18" t="s">
        <v>32</v>
      </c>
      <c r="H17" s="17"/>
      <c r="I17" s="13">
        <v>4075</v>
      </c>
      <c r="J17" s="14">
        <v>2005</v>
      </c>
      <c r="K17" s="14">
        <v>2070</v>
      </c>
    </row>
    <row r="18" spans="1:11" ht="15" customHeight="1">
      <c r="A18" s="17" t="s">
        <v>33</v>
      </c>
      <c r="B18" s="17"/>
      <c r="C18" s="13">
        <v>775</v>
      </c>
      <c r="D18" s="19">
        <v>402</v>
      </c>
      <c r="E18" s="19">
        <v>373</v>
      </c>
      <c r="F18" s="19"/>
      <c r="G18" s="18" t="s">
        <v>34</v>
      </c>
      <c r="H18" s="17"/>
      <c r="I18" s="13">
        <v>834</v>
      </c>
      <c r="J18" s="19">
        <v>421</v>
      </c>
      <c r="K18" s="19">
        <v>413</v>
      </c>
    </row>
    <row r="19" spans="1:11" ht="15" customHeight="1">
      <c r="A19" s="17" t="s">
        <v>35</v>
      </c>
      <c r="B19" s="17"/>
      <c r="C19" s="13">
        <v>855</v>
      </c>
      <c r="D19" s="19">
        <v>421</v>
      </c>
      <c r="E19" s="19">
        <v>434</v>
      </c>
      <c r="F19" s="19"/>
      <c r="G19" s="18" t="s">
        <v>36</v>
      </c>
      <c r="H19" s="17"/>
      <c r="I19" s="13">
        <v>796</v>
      </c>
      <c r="J19" s="19">
        <v>379</v>
      </c>
      <c r="K19" s="19">
        <v>417</v>
      </c>
    </row>
    <row r="20" spans="1:11" ht="15" customHeight="1">
      <c r="A20" s="17" t="s">
        <v>37</v>
      </c>
      <c r="B20" s="17"/>
      <c r="C20" s="13">
        <v>779</v>
      </c>
      <c r="D20" s="19">
        <v>418</v>
      </c>
      <c r="E20" s="19">
        <v>361</v>
      </c>
      <c r="F20" s="19"/>
      <c r="G20" s="18" t="s">
        <v>38</v>
      </c>
      <c r="H20" s="17"/>
      <c r="I20" s="13">
        <v>767</v>
      </c>
      <c r="J20" s="19">
        <v>394</v>
      </c>
      <c r="K20" s="19">
        <v>373</v>
      </c>
    </row>
    <row r="21" spans="1:11" ht="15" customHeight="1">
      <c r="A21" s="17" t="s">
        <v>39</v>
      </c>
      <c r="B21" s="17"/>
      <c r="C21" s="13">
        <v>803</v>
      </c>
      <c r="D21" s="19">
        <v>396</v>
      </c>
      <c r="E21" s="19">
        <v>407</v>
      </c>
      <c r="F21" s="19"/>
      <c r="G21" s="18" t="s">
        <v>40</v>
      </c>
      <c r="H21" s="17"/>
      <c r="I21" s="13">
        <v>826</v>
      </c>
      <c r="J21" s="19">
        <v>426</v>
      </c>
      <c r="K21" s="19">
        <v>400</v>
      </c>
    </row>
    <row r="22" spans="1:11" ht="15" customHeight="1">
      <c r="A22" s="17" t="s">
        <v>41</v>
      </c>
      <c r="B22" s="17"/>
      <c r="C22" s="13">
        <v>776</v>
      </c>
      <c r="D22" s="19">
        <v>424</v>
      </c>
      <c r="E22" s="19">
        <v>352</v>
      </c>
      <c r="F22" s="19"/>
      <c r="G22" s="18" t="s">
        <v>42</v>
      </c>
      <c r="H22" s="17"/>
      <c r="I22" s="13">
        <v>852</v>
      </c>
      <c r="J22" s="19">
        <v>385</v>
      </c>
      <c r="K22" s="19">
        <v>467</v>
      </c>
    </row>
    <row r="23" spans="1:11" ht="20.100000000000001" customHeight="1">
      <c r="A23" s="17" t="s">
        <v>43</v>
      </c>
      <c r="B23" s="17"/>
      <c r="C23" s="13">
        <v>4234</v>
      </c>
      <c r="D23" s="14">
        <v>2146</v>
      </c>
      <c r="E23" s="14">
        <v>2088</v>
      </c>
      <c r="F23" s="14"/>
      <c r="G23" s="18" t="s">
        <v>44</v>
      </c>
      <c r="H23" s="17"/>
      <c r="I23" s="13">
        <v>5186</v>
      </c>
      <c r="J23" s="14">
        <v>2503</v>
      </c>
      <c r="K23" s="14">
        <v>2683</v>
      </c>
    </row>
    <row r="24" spans="1:11" ht="15" customHeight="1">
      <c r="A24" s="17" t="s">
        <v>45</v>
      </c>
      <c r="B24" s="17"/>
      <c r="C24" s="13">
        <v>836</v>
      </c>
      <c r="D24" s="19">
        <v>421</v>
      </c>
      <c r="E24" s="19">
        <v>415</v>
      </c>
      <c r="F24" s="19"/>
      <c r="G24" s="18" t="s">
        <v>46</v>
      </c>
      <c r="H24" s="17"/>
      <c r="I24" s="13">
        <v>865</v>
      </c>
      <c r="J24" s="19">
        <v>448</v>
      </c>
      <c r="K24" s="19">
        <v>417</v>
      </c>
    </row>
    <row r="25" spans="1:11" ht="15" customHeight="1">
      <c r="A25" s="17" t="s">
        <v>47</v>
      </c>
      <c r="B25" s="17"/>
      <c r="C25" s="13">
        <v>809</v>
      </c>
      <c r="D25" s="19">
        <v>405</v>
      </c>
      <c r="E25" s="19">
        <v>404</v>
      </c>
      <c r="F25" s="19"/>
      <c r="G25" s="18" t="s">
        <v>48</v>
      </c>
      <c r="H25" s="17"/>
      <c r="I25" s="13">
        <v>957</v>
      </c>
      <c r="J25" s="19">
        <v>428</v>
      </c>
      <c r="K25" s="19">
        <v>529</v>
      </c>
    </row>
    <row r="26" spans="1:11" ht="15" customHeight="1">
      <c r="A26" s="17" t="s">
        <v>49</v>
      </c>
      <c r="B26" s="17"/>
      <c r="C26" s="13">
        <v>857</v>
      </c>
      <c r="D26" s="19">
        <v>407</v>
      </c>
      <c r="E26" s="19">
        <v>450</v>
      </c>
      <c r="F26" s="19"/>
      <c r="G26" s="18" t="s">
        <v>50</v>
      </c>
      <c r="H26" s="17"/>
      <c r="I26" s="13">
        <v>986</v>
      </c>
      <c r="J26" s="19">
        <v>502</v>
      </c>
      <c r="K26" s="19">
        <v>484</v>
      </c>
    </row>
    <row r="27" spans="1:11" ht="15" customHeight="1">
      <c r="A27" s="17" t="s">
        <v>51</v>
      </c>
      <c r="B27" s="17"/>
      <c r="C27" s="13">
        <v>832</v>
      </c>
      <c r="D27" s="19">
        <v>416</v>
      </c>
      <c r="E27" s="19">
        <v>416</v>
      </c>
      <c r="F27" s="19"/>
      <c r="G27" s="18" t="s">
        <v>52</v>
      </c>
      <c r="H27" s="17"/>
      <c r="I27" s="13">
        <v>1095</v>
      </c>
      <c r="J27" s="19">
        <v>519</v>
      </c>
      <c r="K27" s="19">
        <v>576</v>
      </c>
    </row>
    <row r="28" spans="1:11" ht="15" customHeight="1">
      <c r="A28" s="17" t="s">
        <v>53</v>
      </c>
      <c r="B28" s="17"/>
      <c r="C28" s="13">
        <v>900</v>
      </c>
      <c r="D28" s="19">
        <v>497</v>
      </c>
      <c r="E28" s="19">
        <v>403</v>
      </c>
      <c r="F28" s="19"/>
      <c r="G28" s="18" t="s">
        <v>54</v>
      </c>
      <c r="H28" s="17"/>
      <c r="I28" s="13">
        <v>1283</v>
      </c>
      <c r="J28" s="19">
        <v>606</v>
      </c>
      <c r="K28" s="19">
        <v>677</v>
      </c>
    </row>
    <row r="29" spans="1:11" ht="20.100000000000001" customHeight="1">
      <c r="A29" s="17" t="s">
        <v>55</v>
      </c>
      <c r="B29" s="17"/>
      <c r="C29" s="13">
        <v>4155</v>
      </c>
      <c r="D29" s="14">
        <v>2272</v>
      </c>
      <c r="E29" s="14">
        <v>1883</v>
      </c>
      <c r="F29" s="14"/>
      <c r="G29" s="18" t="s">
        <v>56</v>
      </c>
      <c r="H29" s="17"/>
      <c r="I29" s="13">
        <v>6222</v>
      </c>
      <c r="J29" s="14">
        <v>2823</v>
      </c>
      <c r="K29" s="14">
        <v>3399</v>
      </c>
    </row>
    <row r="30" spans="1:11" ht="15" customHeight="1">
      <c r="A30" s="17" t="s">
        <v>57</v>
      </c>
      <c r="B30" s="17"/>
      <c r="C30" s="13">
        <v>790</v>
      </c>
      <c r="D30" s="19">
        <v>429</v>
      </c>
      <c r="E30" s="19">
        <v>361</v>
      </c>
      <c r="F30" s="19"/>
      <c r="G30" s="18" t="s">
        <v>58</v>
      </c>
      <c r="H30" s="17"/>
      <c r="I30" s="13">
        <v>1457</v>
      </c>
      <c r="J30" s="19">
        <v>673</v>
      </c>
      <c r="K30" s="19">
        <v>784</v>
      </c>
    </row>
    <row r="31" spans="1:11" ht="15" customHeight="1">
      <c r="A31" s="17" t="s">
        <v>59</v>
      </c>
      <c r="B31" s="17"/>
      <c r="C31" s="13">
        <v>825</v>
      </c>
      <c r="D31" s="19">
        <v>440</v>
      </c>
      <c r="E31" s="19">
        <v>385</v>
      </c>
      <c r="F31" s="19"/>
      <c r="G31" s="18" t="s">
        <v>60</v>
      </c>
      <c r="H31" s="17"/>
      <c r="I31" s="13">
        <v>1390</v>
      </c>
      <c r="J31" s="19">
        <v>617</v>
      </c>
      <c r="K31" s="19">
        <v>773</v>
      </c>
    </row>
    <row r="32" spans="1:11" ht="15" customHeight="1">
      <c r="A32" s="17" t="s">
        <v>61</v>
      </c>
      <c r="B32" s="17"/>
      <c r="C32" s="13">
        <v>880</v>
      </c>
      <c r="D32" s="19">
        <v>500</v>
      </c>
      <c r="E32" s="19">
        <v>380</v>
      </c>
      <c r="F32" s="19"/>
      <c r="G32" s="18" t="s">
        <v>62</v>
      </c>
      <c r="H32" s="17"/>
      <c r="I32" s="13">
        <v>1409</v>
      </c>
      <c r="J32" s="19">
        <v>630</v>
      </c>
      <c r="K32" s="19">
        <v>779</v>
      </c>
    </row>
    <row r="33" spans="1:11" ht="15" customHeight="1">
      <c r="A33" s="17" t="s">
        <v>63</v>
      </c>
      <c r="B33" s="17"/>
      <c r="C33" s="13">
        <v>843</v>
      </c>
      <c r="D33" s="19">
        <v>459</v>
      </c>
      <c r="E33" s="19">
        <v>384</v>
      </c>
      <c r="F33" s="19"/>
      <c r="G33" s="18" t="s">
        <v>64</v>
      </c>
      <c r="H33" s="17"/>
      <c r="I33" s="13">
        <v>1037</v>
      </c>
      <c r="J33" s="19">
        <v>489</v>
      </c>
      <c r="K33" s="19">
        <v>548</v>
      </c>
    </row>
    <row r="34" spans="1:11" ht="15" customHeight="1">
      <c r="A34" s="17" t="s">
        <v>65</v>
      </c>
      <c r="B34" s="17"/>
      <c r="C34" s="13">
        <v>817</v>
      </c>
      <c r="D34" s="19">
        <v>444</v>
      </c>
      <c r="E34" s="19">
        <v>373</v>
      </c>
      <c r="F34" s="19"/>
      <c r="G34" s="18" t="s">
        <v>66</v>
      </c>
      <c r="H34" s="17"/>
      <c r="I34" s="13">
        <v>929</v>
      </c>
      <c r="J34" s="19">
        <v>414</v>
      </c>
      <c r="K34" s="19">
        <v>515</v>
      </c>
    </row>
    <row r="35" spans="1:11" ht="20.100000000000001" customHeight="1">
      <c r="A35" s="17" t="s">
        <v>67</v>
      </c>
      <c r="B35" s="17"/>
      <c r="C35" s="13">
        <v>3969</v>
      </c>
      <c r="D35" s="14">
        <v>2222</v>
      </c>
      <c r="E35" s="14">
        <v>1747</v>
      </c>
      <c r="F35" s="14"/>
      <c r="G35" s="18" t="s">
        <v>68</v>
      </c>
      <c r="H35" s="17"/>
      <c r="I35" s="13">
        <v>5679</v>
      </c>
      <c r="J35" s="14">
        <v>2669</v>
      </c>
      <c r="K35" s="14">
        <v>3010</v>
      </c>
    </row>
    <row r="36" spans="1:11" ht="15" customHeight="1">
      <c r="A36" s="17" t="s">
        <v>69</v>
      </c>
      <c r="B36" s="17"/>
      <c r="C36" s="13">
        <v>758</v>
      </c>
      <c r="D36" s="19">
        <v>416</v>
      </c>
      <c r="E36" s="19">
        <v>342</v>
      </c>
      <c r="F36" s="19"/>
      <c r="G36" s="18" t="s">
        <v>70</v>
      </c>
      <c r="H36" s="17"/>
      <c r="I36" s="13">
        <v>1187</v>
      </c>
      <c r="J36" s="19">
        <v>530</v>
      </c>
      <c r="K36" s="19">
        <v>657</v>
      </c>
    </row>
    <row r="37" spans="1:11" ht="15" customHeight="1">
      <c r="A37" s="17" t="s">
        <v>71</v>
      </c>
      <c r="B37" s="17"/>
      <c r="C37" s="13">
        <v>818</v>
      </c>
      <c r="D37" s="19">
        <v>473</v>
      </c>
      <c r="E37" s="19">
        <v>345</v>
      </c>
      <c r="F37" s="19"/>
      <c r="G37" s="18" t="s">
        <v>72</v>
      </c>
      <c r="H37" s="17"/>
      <c r="I37" s="13">
        <v>1213</v>
      </c>
      <c r="J37" s="19">
        <v>553</v>
      </c>
      <c r="K37" s="19">
        <v>660</v>
      </c>
    </row>
    <row r="38" spans="1:11" ht="15" customHeight="1">
      <c r="A38" s="17" t="s">
        <v>73</v>
      </c>
      <c r="B38" s="17"/>
      <c r="C38" s="13">
        <v>729</v>
      </c>
      <c r="D38" s="19">
        <v>414</v>
      </c>
      <c r="E38" s="19">
        <v>315</v>
      </c>
      <c r="F38" s="19"/>
      <c r="G38" s="18" t="s">
        <v>74</v>
      </c>
      <c r="H38" s="17"/>
      <c r="I38" s="13">
        <v>1219</v>
      </c>
      <c r="J38" s="19">
        <v>599</v>
      </c>
      <c r="K38" s="19">
        <v>620</v>
      </c>
    </row>
    <row r="39" spans="1:11" ht="15" customHeight="1">
      <c r="A39" s="17" t="s">
        <v>75</v>
      </c>
      <c r="B39" s="17"/>
      <c r="C39" s="13">
        <v>881</v>
      </c>
      <c r="D39" s="19">
        <v>465</v>
      </c>
      <c r="E39" s="19">
        <v>416</v>
      </c>
      <c r="F39" s="19"/>
      <c r="G39" s="18" t="s">
        <v>76</v>
      </c>
      <c r="H39" s="17"/>
      <c r="I39" s="13">
        <v>1096</v>
      </c>
      <c r="J39" s="19">
        <v>512</v>
      </c>
      <c r="K39" s="19">
        <v>584</v>
      </c>
    </row>
    <row r="40" spans="1:11" ht="15" customHeight="1">
      <c r="A40" s="17" t="s">
        <v>77</v>
      </c>
      <c r="B40" s="17"/>
      <c r="C40" s="13">
        <v>783</v>
      </c>
      <c r="D40" s="19">
        <v>454</v>
      </c>
      <c r="E40" s="19">
        <v>329</v>
      </c>
      <c r="F40" s="19"/>
      <c r="G40" s="18" t="s">
        <v>78</v>
      </c>
      <c r="H40" s="17"/>
      <c r="I40" s="13">
        <v>964</v>
      </c>
      <c r="J40" s="19">
        <v>475</v>
      </c>
      <c r="K40" s="19">
        <v>489</v>
      </c>
    </row>
    <row r="41" spans="1:11" ht="20.100000000000001" customHeight="1">
      <c r="A41" s="17" t="s">
        <v>79</v>
      </c>
      <c r="B41" s="17"/>
      <c r="C41" s="13">
        <v>4439</v>
      </c>
      <c r="D41" s="14">
        <v>2359</v>
      </c>
      <c r="E41" s="14">
        <v>2080</v>
      </c>
      <c r="F41" s="14"/>
      <c r="G41" s="18" t="s">
        <v>80</v>
      </c>
      <c r="H41" s="17"/>
      <c r="I41" s="13">
        <v>3472</v>
      </c>
      <c r="J41" s="14">
        <v>1679</v>
      </c>
      <c r="K41" s="14">
        <v>1793</v>
      </c>
    </row>
    <row r="42" spans="1:11" ht="15" customHeight="1">
      <c r="A42" s="17" t="s">
        <v>81</v>
      </c>
      <c r="B42" s="17"/>
      <c r="C42" s="13">
        <v>833</v>
      </c>
      <c r="D42" s="19">
        <v>435</v>
      </c>
      <c r="E42" s="19">
        <v>398</v>
      </c>
      <c r="F42" s="19"/>
      <c r="G42" s="18" t="s">
        <v>82</v>
      </c>
      <c r="H42" s="17"/>
      <c r="I42" s="13">
        <v>850</v>
      </c>
      <c r="J42" s="19">
        <v>440</v>
      </c>
      <c r="K42" s="19">
        <v>410</v>
      </c>
    </row>
    <row r="43" spans="1:11" ht="15" customHeight="1">
      <c r="A43" s="17" t="s">
        <v>83</v>
      </c>
      <c r="B43" s="17"/>
      <c r="C43" s="13">
        <v>901</v>
      </c>
      <c r="D43" s="19">
        <v>488</v>
      </c>
      <c r="E43" s="19">
        <v>413</v>
      </c>
      <c r="F43" s="19"/>
      <c r="G43" s="18" t="s">
        <v>84</v>
      </c>
      <c r="H43" s="17"/>
      <c r="I43" s="13">
        <v>735</v>
      </c>
      <c r="J43" s="19">
        <v>339</v>
      </c>
      <c r="K43" s="19">
        <v>396</v>
      </c>
    </row>
    <row r="44" spans="1:11" ht="15" customHeight="1">
      <c r="A44" s="17" t="s">
        <v>85</v>
      </c>
      <c r="B44" s="17"/>
      <c r="C44" s="13">
        <v>882</v>
      </c>
      <c r="D44" s="19">
        <v>484</v>
      </c>
      <c r="E44" s="19">
        <v>398</v>
      </c>
      <c r="F44" s="19"/>
      <c r="G44" s="18" t="s">
        <v>86</v>
      </c>
      <c r="H44" s="17"/>
      <c r="I44" s="13">
        <v>721</v>
      </c>
      <c r="J44" s="19">
        <v>341</v>
      </c>
      <c r="K44" s="19">
        <v>380</v>
      </c>
    </row>
    <row r="45" spans="1:11" ht="15" customHeight="1">
      <c r="A45" s="17" t="s">
        <v>87</v>
      </c>
      <c r="B45" s="17"/>
      <c r="C45" s="13">
        <v>918</v>
      </c>
      <c r="D45" s="19">
        <v>498</v>
      </c>
      <c r="E45" s="19">
        <v>420</v>
      </c>
      <c r="F45" s="19"/>
      <c r="G45" s="18" t="s">
        <v>88</v>
      </c>
      <c r="H45" s="17"/>
      <c r="I45" s="13">
        <v>599</v>
      </c>
      <c r="J45" s="19">
        <v>288</v>
      </c>
      <c r="K45" s="19">
        <v>311</v>
      </c>
    </row>
    <row r="46" spans="1:11" ht="15" customHeight="1">
      <c r="A46" s="17" t="s">
        <v>89</v>
      </c>
      <c r="B46" s="17"/>
      <c r="C46" s="13">
        <v>905</v>
      </c>
      <c r="D46" s="19">
        <v>454</v>
      </c>
      <c r="E46" s="19">
        <v>451</v>
      </c>
      <c r="F46" s="19"/>
      <c r="G46" s="18" t="s">
        <v>90</v>
      </c>
      <c r="H46" s="17"/>
      <c r="I46" s="13">
        <v>567</v>
      </c>
      <c r="J46" s="19">
        <v>271</v>
      </c>
      <c r="K46" s="19">
        <v>296</v>
      </c>
    </row>
    <row r="47" spans="1:11" ht="20.100000000000001" customHeight="1">
      <c r="A47" s="17" t="s">
        <v>91</v>
      </c>
      <c r="B47" s="17"/>
      <c r="C47" s="13">
        <v>4889</v>
      </c>
      <c r="D47" s="14">
        <v>2650</v>
      </c>
      <c r="E47" s="14">
        <v>2239</v>
      </c>
      <c r="F47" s="14"/>
      <c r="G47" s="18" t="s">
        <v>92</v>
      </c>
      <c r="H47" s="17"/>
      <c r="I47" s="13">
        <v>1669</v>
      </c>
      <c r="J47" s="14">
        <v>662</v>
      </c>
      <c r="K47" s="14">
        <v>1007</v>
      </c>
    </row>
    <row r="48" spans="1:11" ht="15" customHeight="1">
      <c r="A48" s="17" t="s">
        <v>93</v>
      </c>
      <c r="B48" s="17"/>
      <c r="C48" s="13">
        <v>915</v>
      </c>
      <c r="D48" s="19">
        <v>501</v>
      </c>
      <c r="E48" s="19">
        <v>414</v>
      </c>
      <c r="F48" s="19"/>
      <c r="G48" s="18" t="s">
        <v>94</v>
      </c>
      <c r="H48" s="17"/>
      <c r="I48" s="13">
        <v>438</v>
      </c>
      <c r="J48" s="19">
        <v>192</v>
      </c>
      <c r="K48" s="19">
        <v>246</v>
      </c>
    </row>
    <row r="49" spans="1:11" ht="15" customHeight="1">
      <c r="A49" s="17" t="s">
        <v>95</v>
      </c>
      <c r="B49" s="17"/>
      <c r="C49" s="13">
        <v>981</v>
      </c>
      <c r="D49" s="19">
        <v>533</v>
      </c>
      <c r="E49" s="19">
        <v>448</v>
      </c>
      <c r="F49" s="19"/>
      <c r="G49" s="18" t="s">
        <v>96</v>
      </c>
      <c r="H49" s="17"/>
      <c r="I49" s="13">
        <v>382</v>
      </c>
      <c r="J49" s="19">
        <v>147</v>
      </c>
      <c r="K49" s="19">
        <v>235</v>
      </c>
    </row>
    <row r="50" spans="1:11" ht="15" customHeight="1">
      <c r="A50" s="17" t="s">
        <v>97</v>
      </c>
      <c r="B50" s="17"/>
      <c r="C50" s="13">
        <v>927</v>
      </c>
      <c r="D50" s="19">
        <v>498</v>
      </c>
      <c r="E50" s="19">
        <v>429</v>
      </c>
      <c r="F50" s="19"/>
      <c r="G50" s="18" t="s">
        <v>98</v>
      </c>
      <c r="H50" s="17"/>
      <c r="I50" s="13">
        <v>337</v>
      </c>
      <c r="J50" s="19">
        <v>138</v>
      </c>
      <c r="K50" s="19">
        <v>199</v>
      </c>
    </row>
    <row r="51" spans="1:11" ht="15" customHeight="1">
      <c r="A51" s="17" t="s">
        <v>99</v>
      </c>
      <c r="B51" s="17"/>
      <c r="C51" s="13">
        <v>1014</v>
      </c>
      <c r="D51" s="19">
        <v>555</v>
      </c>
      <c r="E51" s="19">
        <v>459</v>
      </c>
      <c r="F51" s="19"/>
      <c r="G51" s="18" t="s">
        <v>100</v>
      </c>
      <c r="H51" s="17"/>
      <c r="I51" s="13">
        <v>298</v>
      </c>
      <c r="J51" s="19">
        <v>127</v>
      </c>
      <c r="K51" s="19">
        <v>171</v>
      </c>
    </row>
    <row r="52" spans="1:11" ht="15" customHeight="1">
      <c r="A52" s="17" t="s">
        <v>101</v>
      </c>
      <c r="B52" s="17"/>
      <c r="C52" s="13">
        <v>1052</v>
      </c>
      <c r="D52" s="19">
        <v>563</v>
      </c>
      <c r="E52" s="19">
        <v>489</v>
      </c>
      <c r="F52" s="19"/>
      <c r="G52" s="18" t="s">
        <v>102</v>
      </c>
      <c r="H52" s="17"/>
      <c r="I52" s="13">
        <v>214</v>
      </c>
      <c r="J52" s="19">
        <v>58</v>
      </c>
      <c r="K52" s="19">
        <v>156</v>
      </c>
    </row>
    <row r="53" spans="1:11" ht="20.100000000000001" customHeight="1">
      <c r="A53" s="17" t="s">
        <v>103</v>
      </c>
      <c r="B53" s="17"/>
      <c r="C53" s="13">
        <v>6122</v>
      </c>
      <c r="D53" s="14">
        <v>3282</v>
      </c>
      <c r="E53" s="14">
        <v>2840</v>
      </c>
      <c r="F53" s="14"/>
      <c r="G53" s="18" t="s">
        <v>104</v>
      </c>
      <c r="H53" s="17"/>
      <c r="I53" s="13">
        <v>679</v>
      </c>
      <c r="J53" s="14">
        <v>211</v>
      </c>
      <c r="K53" s="14">
        <v>468</v>
      </c>
    </row>
    <row r="54" spans="1:11" ht="15" customHeight="1">
      <c r="A54" s="17" t="s">
        <v>105</v>
      </c>
      <c r="B54" s="17"/>
      <c r="C54" s="13">
        <v>1165</v>
      </c>
      <c r="D54" s="19">
        <v>648</v>
      </c>
      <c r="E54" s="19">
        <v>517</v>
      </c>
      <c r="F54" s="19"/>
      <c r="G54" s="18" t="s">
        <v>106</v>
      </c>
      <c r="H54" s="17"/>
      <c r="I54" s="13">
        <v>198</v>
      </c>
      <c r="J54" s="19">
        <v>58</v>
      </c>
      <c r="K54" s="19">
        <v>140</v>
      </c>
    </row>
    <row r="55" spans="1:11" ht="15" customHeight="1">
      <c r="A55" s="17" t="s">
        <v>107</v>
      </c>
      <c r="B55" s="17"/>
      <c r="C55" s="13">
        <v>1197</v>
      </c>
      <c r="D55" s="19">
        <v>634</v>
      </c>
      <c r="E55" s="19">
        <v>563</v>
      </c>
      <c r="F55" s="19"/>
      <c r="G55" s="18" t="s">
        <v>108</v>
      </c>
      <c r="H55" s="17"/>
      <c r="I55" s="13">
        <v>144</v>
      </c>
      <c r="J55" s="19">
        <v>61</v>
      </c>
      <c r="K55" s="19">
        <v>83</v>
      </c>
    </row>
    <row r="56" spans="1:11" ht="15" customHeight="1">
      <c r="A56" s="17" t="s">
        <v>109</v>
      </c>
      <c r="B56" s="17"/>
      <c r="C56" s="13">
        <v>1159</v>
      </c>
      <c r="D56" s="19">
        <v>604</v>
      </c>
      <c r="E56" s="19">
        <v>555</v>
      </c>
      <c r="F56" s="19"/>
      <c r="G56" s="18" t="s">
        <v>110</v>
      </c>
      <c r="H56" s="17"/>
      <c r="I56" s="13">
        <v>143</v>
      </c>
      <c r="J56" s="19">
        <v>40</v>
      </c>
      <c r="K56" s="19">
        <v>103</v>
      </c>
    </row>
    <row r="57" spans="1:11" ht="15" customHeight="1">
      <c r="A57" s="17" t="s">
        <v>111</v>
      </c>
      <c r="B57" s="17"/>
      <c r="C57" s="13">
        <v>1303</v>
      </c>
      <c r="D57" s="19">
        <v>711</v>
      </c>
      <c r="E57" s="19">
        <v>592</v>
      </c>
      <c r="F57" s="19"/>
      <c r="G57" s="18" t="s">
        <v>112</v>
      </c>
      <c r="H57" s="17"/>
      <c r="I57" s="13">
        <v>82</v>
      </c>
      <c r="J57" s="19">
        <v>13</v>
      </c>
      <c r="K57" s="19">
        <v>69</v>
      </c>
    </row>
    <row r="58" spans="1:11" ht="15" customHeight="1">
      <c r="A58" s="17" t="s">
        <v>113</v>
      </c>
      <c r="B58" s="17"/>
      <c r="C58" s="13">
        <v>1298</v>
      </c>
      <c r="D58" s="19">
        <v>685</v>
      </c>
      <c r="E58" s="19">
        <v>613</v>
      </c>
      <c r="F58" s="19"/>
      <c r="G58" s="18" t="s">
        <v>114</v>
      </c>
      <c r="H58" s="17"/>
      <c r="I58" s="13">
        <v>112</v>
      </c>
      <c r="J58" s="19">
        <v>39</v>
      </c>
      <c r="K58" s="19">
        <v>73</v>
      </c>
    </row>
    <row r="59" spans="1:11" ht="20.100000000000001" customHeight="1">
      <c r="A59" s="17" t="s">
        <v>115</v>
      </c>
      <c r="B59" s="17"/>
      <c r="C59" s="13">
        <v>7513</v>
      </c>
      <c r="D59" s="14">
        <v>3986</v>
      </c>
      <c r="E59" s="14">
        <v>3527</v>
      </c>
      <c r="F59" s="14"/>
      <c r="G59" s="18" t="s">
        <v>116</v>
      </c>
      <c r="H59" s="17"/>
      <c r="I59" s="13">
        <v>191</v>
      </c>
      <c r="J59" s="14">
        <v>41</v>
      </c>
      <c r="K59" s="14">
        <v>150</v>
      </c>
    </row>
    <row r="60" spans="1:11" ht="15" customHeight="1">
      <c r="A60" s="17" t="s">
        <v>117</v>
      </c>
      <c r="B60" s="17"/>
      <c r="C60" s="13">
        <v>1510</v>
      </c>
      <c r="D60" s="19">
        <v>783</v>
      </c>
      <c r="E60" s="19">
        <v>727</v>
      </c>
      <c r="F60" s="19"/>
      <c r="G60" s="18" t="s">
        <v>118</v>
      </c>
      <c r="H60" s="17"/>
      <c r="I60" s="13">
        <v>77</v>
      </c>
      <c r="J60" s="19">
        <v>12</v>
      </c>
      <c r="K60" s="19">
        <v>65</v>
      </c>
    </row>
    <row r="61" spans="1:11" ht="15" customHeight="1">
      <c r="A61" s="17" t="s">
        <v>119</v>
      </c>
      <c r="B61" s="17"/>
      <c r="C61" s="13">
        <v>1586</v>
      </c>
      <c r="D61" s="19">
        <v>841</v>
      </c>
      <c r="E61" s="19">
        <v>745</v>
      </c>
      <c r="F61" s="19"/>
      <c r="G61" s="18" t="s">
        <v>120</v>
      </c>
      <c r="H61" s="17"/>
      <c r="I61" s="13">
        <v>50</v>
      </c>
      <c r="J61" s="19">
        <v>10</v>
      </c>
      <c r="K61" s="19">
        <v>40</v>
      </c>
    </row>
    <row r="62" spans="1:11" ht="15" customHeight="1">
      <c r="A62" s="17" t="s">
        <v>121</v>
      </c>
      <c r="B62" s="17"/>
      <c r="C62" s="13">
        <v>1505</v>
      </c>
      <c r="D62" s="19">
        <v>831</v>
      </c>
      <c r="E62" s="19">
        <v>674</v>
      </c>
      <c r="F62" s="19"/>
      <c r="G62" s="18" t="s">
        <v>122</v>
      </c>
      <c r="H62" s="17"/>
      <c r="I62" s="13">
        <v>33</v>
      </c>
      <c r="J62" s="19">
        <v>7</v>
      </c>
      <c r="K62" s="19">
        <v>26</v>
      </c>
    </row>
    <row r="63" spans="1:11" ht="15" customHeight="1">
      <c r="A63" s="17" t="s">
        <v>123</v>
      </c>
      <c r="B63" s="17"/>
      <c r="C63" s="13">
        <v>1474</v>
      </c>
      <c r="D63" s="19">
        <v>755</v>
      </c>
      <c r="E63" s="19">
        <v>719</v>
      </c>
      <c r="F63" s="19"/>
      <c r="G63" s="18" t="s">
        <v>124</v>
      </c>
      <c r="H63" s="17"/>
      <c r="I63" s="13">
        <v>17</v>
      </c>
      <c r="J63" s="19">
        <v>4</v>
      </c>
      <c r="K63" s="19">
        <v>13</v>
      </c>
    </row>
    <row r="64" spans="1:11" ht="15" customHeight="1">
      <c r="A64" s="17" t="s">
        <v>125</v>
      </c>
      <c r="B64" s="17"/>
      <c r="C64" s="13">
        <v>1438</v>
      </c>
      <c r="D64" s="19">
        <v>776</v>
      </c>
      <c r="E64" s="19">
        <v>662</v>
      </c>
      <c r="F64" s="19"/>
      <c r="G64" s="18" t="s">
        <v>126</v>
      </c>
      <c r="H64" s="17"/>
      <c r="I64" s="13">
        <v>14</v>
      </c>
      <c r="J64" s="19">
        <v>8</v>
      </c>
      <c r="K64" s="19">
        <v>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8</v>
      </c>
      <c r="J65" s="19">
        <v>7</v>
      </c>
      <c r="K65" s="19">
        <v>6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02</v>
      </c>
      <c r="J66" s="29">
        <v>237</v>
      </c>
      <c r="K66" s="29">
        <v>165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413</v>
      </c>
      <c r="D4" s="14">
        <v>20543</v>
      </c>
      <c r="E4" s="14">
        <v>1887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53</v>
      </c>
      <c r="D5" s="14">
        <v>601</v>
      </c>
      <c r="E5" s="14">
        <v>552</v>
      </c>
      <c r="F5" s="14"/>
      <c r="G5" s="18" t="s">
        <v>8</v>
      </c>
      <c r="H5" s="17"/>
      <c r="I5" s="13">
        <v>2793</v>
      </c>
      <c r="J5" s="14">
        <v>1514</v>
      </c>
      <c r="K5" s="14">
        <v>1279</v>
      </c>
    </row>
    <row r="6" spans="1:11" ht="15" customHeight="1">
      <c r="A6" s="17" t="s">
        <v>9</v>
      </c>
      <c r="B6" s="17"/>
      <c r="C6" s="13">
        <v>196</v>
      </c>
      <c r="D6" s="19">
        <v>100</v>
      </c>
      <c r="E6" s="19">
        <v>96</v>
      </c>
      <c r="F6" s="19"/>
      <c r="G6" s="18" t="s">
        <v>10</v>
      </c>
      <c r="H6" s="17"/>
      <c r="I6" s="13">
        <v>598</v>
      </c>
      <c r="J6" s="19">
        <v>326</v>
      </c>
      <c r="K6" s="19">
        <v>272</v>
      </c>
    </row>
    <row r="7" spans="1:11" ht="15" customHeight="1">
      <c r="A7" s="17" t="s">
        <v>11</v>
      </c>
      <c r="B7" s="17"/>
      <c r="C7" s="13">
        <v>214</v>
      </c>
      <c r="D7" s="19">
        <v>105</v>
      </c>
      <c r="E7" s="19">
        <v>109</v>
      </c>
      <c r="F7" s="19"/>
      <c r="G7" s="18" t="s">
        <v>12</v>
      </c>
      <c r="H7" s="17"/>
      <c r="I7" s="13">
        <v>583</v>
      </c>
      <c r="J7" s="19">
        <v>324</v>
      </c>
      <c r="K7" s="19">
        <v>259</v>
      </c>
    </row>
    <row r="8" spans="1:11" ht="15" customHeight="1">
      <c r="A8" s="17" t="s">
        <v>13</v>
      </c>
      <c r="B8" s="17"/>
      <c r="C8" s="13">
        <v>239</v>
      </c>
      <c r="D8" s="19">
        <v>137</v>
      </c>
      <c r="E8" s="19">
        <v>102</v>
      </c>
      <c r="F8" s="19"/>
      <c r="G8" s="18" t="s">
        <v>14</v>
      </c>
      <c r="H8" s="17"/>
      <c r="I8" s="13">
        <v>598</v>
      </c>
      <c r="J8" s="19">
        <v>331</v>
      </c>
      <c r="K8" s="19">
        <v>267</v>
      </c>
    </row>
    <row r="9" spans="1:11" ht="15" customHeight="1">
      <c r="A9" s="17" t="s">
        <v>15</v>
      </c>
      <c r="B9" s="17"/>
      <c r="C9" s="13">
        <v>243</v>
      </c>
      <c r="D9" s="19">
        <v>123</v>
      </c>
      <c r="E9" s="19">
        <v>120</v>
      </c>
      <c r="F9" s="19"/>
      <c r="G9" s="18" t="s">
        <v>16</v>
      </c>
      <c r="H9" s="17"/>
      <c r="I9" s="13">
        <v>451</v>
      </c>
      <c r="J9" s="19">
        <v>256</v>
      </c>
      <c r="K9" s="19">
        <v>195</v>
      </c>
    </row>
    <row r="10" spans="1:11" ht="15" customHeight="1">
      <c r="A10" s="17" t="s">
        <v>17</v>
      </c>
      <c r="B10" s="17"/>
      <c r="C10" s="13">
        <v>261</v>
      </c>
      <c r="D10" s="19">
        <v>136</v>
      </c>
      <c r="E10" s="19">
        <v>125</v>
      </c>
      <c r="F10" s="19"/>
      <c r="G10" s="18" t="s">
        <v>18</v>
      </c>
      <c r="H10" s="17"/>
      <c r="I10" s="13">
        <v>563</v>
      </c>
      <c r="J10" s="19">
        <v>277</v>
      </c>
      <c r="K10" s="19">
        <v>286</v>
      </c>
    </row>
    <row r="11" spans="1:11" ht="20.100000000000001" customHeight="1">
      <c r="A11" s="17" t="s">
        <v>19</v>
      </c>
      <c r="B11" s="17"/>
      <c r="C11" s="13">
        <v>1361</v>
      </c>
      <c r="D11" s="14">
        <v>708</v>
      </c>
      <c r="E11" s="14">
        <v>653</v>
      </c>
      <c r="F11" s="14"/>
      <c r="G11" s="18" t="s">
        <v>20</v>
      </c>
      <c r="H11" s="17"/>
      <c r="I11" s="13">
        <v>2347</v>
      </c>
      <c r="J11" s="14">
        <v>1219</v>
      </c>
      <c r="K11" s="14">
        <v>1128</v>
      </c>
    </row>
    <row r="12" spans="1:11" ht="15" customHeight="1">
      <c r="A12" s="17" t="s">
        <v>21</v>
      </c>
      <c r="B12" s="17"/>
      <c r="C12" s="13">
        <v>229</v>
      </c>
      <c r="D12" s="19">
        <v>108</v>
      </c>
      <c r="E12" s="19">
        <v>121</v>
      </c>
      <c r="F12" s="19"/>
      <c r="G12" s="18" t="s">
        <v>22</v>
      </c>
      <c r="H12" s="17"/>
      <c r="I12" s="13">
        <v>497</v>
      </c>
      <c r="J12" s="19">
        <v>277</v>
      </c>
      <c r="K12" s="19">
        <v>220</v>
      </c>
    </row>
    <row r="13" spans="1:11" ht="15" customHeight="1">
      <c r="A13" s="17" t="s">
        <v>23</v>
      </c>
      <c r="B13" s="17"/>
      <c r="C13" s="13">
        <v>279</v>
      </c>
      <c r="D13" s="19">
        <v>147</v>
      </c>
      <c r="E13" s="19">
        <v>132</v>
      </c>
      <c r="F13" s="19"/>
      <c r="G13" s="18" t="s">
        <v>24</v>
      </c>
      <c r="H13" s="17"/>
      <c r="I13" s="13">
        <v>515</v>
      </c>
      <c r="J13" s="19">
        <v>272</v>
      </c>
      <c r="K13" s="19">
        <v>243</v>
      </c>
    </row>
    <row r="14" spans="1:11" ht="15" customHeight="1">
      <c r="A14" s="17" t="s">
        <v>25</v>
      </c>
      <c r="B14" s="17"/>
      <c r="C14" s="13">
        <v>263</v>
      </c>
      <c r="D14" s="19">
        <v>140</v>
      </c>
      <c r="E14" s="19">
        <v>123</v>
      </c>
      <c r="F14" s="19"/>
      <c r="G14" s="18" t="s">
        <v>26</v>
      </c>
      <c r="H14" s="17"/>
      <c r="I14" s="13">
        <v>451</v>
      </c>
      <c r="J14" s="19">
        <v>215</v>
      </c>
      <c r="K14" s="19">
        <v>236</v>
      </c>
    </row>
    <row r="15" spans="1:11" ht="15" customHeight="1">
      <c r="A15" s="17" t="s">
        <v>27</v>
      </c>
      <c r="B15" s="17"/>
      <c r="C15" s="13">
        <v>284</v>
      </c>
      <c r="D15" s="19">
        <v>150</v>
      </c>
      <c r="E15" s="19">
        <v>134</v>
      </c>
      <c r="F15" s="19"/>
      <c r="G15" s="18" t="s">
        <v>28</v>
      </c>
      <c r="H15" s="17"/>
      <c r="I15" s="13">
        <v>437</v>
      </c>
      <c r="J15" s="19">
        <v>223</v>
      </c>
      <c r="K15" s="19">
        <v>214</v>
      </c>
    </row>
    <row r="16" spans="1:11" ht="15" customHeight="1">
      <c r="A16" s="17" t="s">
        <v>29</v>
      </c>
      <c r="B16" s="17"/>
      <c r="C16" s="13">
        <v>306</v>
      </c>
      <c r="D16" s="19">
        <v>163</v>
      </c>
      <c r="E16" s="19">
        <v>143</v>
      </c>
      <c r="F16" s="19"/>
      <c r="G16" s="18" t="s">
        <v>30</v>
      </c>
      <c r="H16" s="17"/>
      <c r="I16" s="13">
        <v>447</v>
      </c>
      <c r="J16" s="19">
        <v>232</v>
      </c>
      <c r="K16" s="19">
        <v>215</v>
      </c>
    </row>
    <row r="17" spans="1:11" ht="20.100000000000001" customHeight="1">
      <c r="A17" s="20" t="s">
        <v>31</v>
      </c>
      <c r="B17" s="20"/>
      <c r="C17" s="13">
        <v>1620</v>
      </c>
      <c r="D17" s="14">
        <v>819</v>
      </c>
      <c r="E17" s="14">
        <v>801</v>
      </c>
      <c r="F17" s="14"/>
      <c r="G17" s="18" t="s">
        <v>32</v>
      </c>
      <c r="H17" s="17"/>
      <c r="I17" s="13">
        <v>2590</v>
      </c>
      <c r="J17" s="14">
        <v>1345</v>
      </c>
      <c r="K17" s="14">
        <v>1245</v>
      </c>
    </row>
    <row r="18" spans="1:11" ht="15" customHeight="1">
      <c r="A18" s="17" t="s">
        <v>33</v>
      </c>
      <c r="B18" s="17"/>
      <c r="C18" s="13">
        <v>297</v>
      </c>
      <c r="D18" s="19">
        <v>159</v>
      </c>
      <c r="E18" s="19">
        <v>138</v>
      </c>
      <c r="F18" s="19"/>
      <c r="G18" s="18" t="s">
        <v>34</v>
      </c>
      <c r="H18" s="17"/>
      <c r="I18" s="13">
        <v>505</v>
      </c>
      <c r="J18" s="19">
        <v>263</v>
      </c>
      <c r="K18" s="19">
        <v>242</v>
      </c>
    </row>
    <row r="19" spans="1:11" ht="15" customHeight="1">
      <c r="A19" s="17" t="s">
        <v>35</v>
      </c>
      <c r="B19" s="17"/>
      <c r="C19" s="13">
        <v>332</v>
      </c>
      <c r="D19" s="19">
        <v>152</v>
      </c>
      <c r="E19" s="19">
        <v>180</v>
      </c>
      <c r="F19" s="19"/>
      <c r="G19" s="18" t="s">
        <v>36</v>
      </c>
      <c r="H19" s="17"/>
      <c r="I19" s="13">
        <v>514</v>
      </c>
      <c r="J19" s="19">
        <v>281</v>
      </c>
      <c r="K19" s="19">
        <v>233</v>
      </c>
    </row>
    <row r="20" spans="1:11" ht="15" customHeight="1">
      <c r="A20" s="17" t="s">
        <v>37</v>
      </c>
      <c r="B20" s="17"/>
      <c r="C20" s="13">
        <v>331</v>
      </c>
      <c r="D20" s="19">
        <v>176</v>
      </c>
      <c r="E20" s="19">
        <v>155</v>
      </c>
      <c r="F20" s="19"/>
      <c r="G20" s="18" t="s">
        <v>38</v>
      </c>
      <c r="H20" s="17"/>
      <c r="I20" s="13">
        <v>458</v>
      </c>
      <c r="J20" s="19">
        <v>236</v>
      </c>
      <c r="K20" s="19">
        <v>222</v>
      </c>
    </row>
    <row r="21" spans="1:11" ht="15" customHeight="1">
      <c r="A21" s="17" t="s">
        <v>39</v>
      </c>
      <c r="B21" s="17"/>
      <c r="C21" s="13">
        <v>351</v>
      </c>
      <c r="D21" s="19">
        <v>172</v>
      </c>
      <c r="E21" s="19">
        <v>179</v>
      </c>
      <c r="F21" s="19"/>
      <c r="G21" s="18" t="s">
        <v>40</v>
      </c>
      <c r="H21" s="17"/>
      <c r="I21" s="13">
        <v>536</v>
      </c>
      <c r="J21" s="19">
        <v>269</v>
      </c>
      <c r="K21" s="19">
        <v>267</v>
      </c>
    </row>
    <row r="22" spans="1:11" ht="15" customHeight="1">
      <c r="A22" s="17" t="s">
        <v>41</v>
      </c>
      <c r="B22" s="17"/>
      <c r="C22" s="13">
        <v>309</v>
      </c>
      <c r="D22" s="19">
        <v>160</v>
      </c>
      <c r="E22" s="19">
        <v>149</v>
      </c>
      <c r="F22" s="19"/>
      <c r="G22" s="18" t="s">
        <v>42</v>
      </c>
      <c r="H22" s="17"/>
      <c r="I22" s="13">
        <v>577</v>
      </c>
      <c r="J22" s="19">
        <v>296</v>
      </c>
      <c r="K22" s="19">
        <v>281</v>
      </c>
    </row>
    <row r="23" spans="1:11" ht="20.100000000000001" customHeight="1">
      <c r="A23" s="17" t="s">
        <v>43</v>
      </c>
      <c r="B23" s="17"/>
      <c r="C23" s="13">
        <v>1898</v>
      </c>
      <c r="D23" s="14">
        <v>994</v>
      </c>
      <c r="E23" s="14">
        <v>904</v>
      </c>
      <c r="F23" s="14"/>
      <c r="G23" s="18" t="s">
        <v>44</v>
      </c>
      <c r="H23" s="17"/>
      <c r="I23" s="13">
        <v>3200</v>
      </c>
      <c r="J23" s="14">
        <v>1618</v>
      </c>
      <c r="K23" s="14">
        <v>1582</v>
      </c>
    </row>
    <row r="24" spans="1:11" ht="15" customHeight="1">
      <c r="A24" s="17" t="s">
        <v>45</v>
      </c>
      <c r="B24" s="17"/>
      <c r="C24" s="13">
        <v>337</v>
      </c>
      <c r="D24" s="19">
        <v>173</v>
      </c>
      <c r="E24" s="19">
        <v>164</v>
      </c>
      <c r="F24" s="19"/>
      <c r="G24" s="18" t="s">
        <v>46</v>
      </c>
      <c r="H24" s="17"/>
      <c r="I24" s="13">
        <v>518</v>
      </c>
      <c r="J24" s="19">
        <v>260</v>
      </c>
      <c r="K24" s="19">
        <v>258</v>
      </c>
    </row>
    <row r="25" spans="1:11" ht="15" customHeight="1">
      <c r="A25" s="17" t="s">
        <v>47</v>
      </c>
      <c r="B25" s="17"/>
      <c r="C25" s="13">
        <v>321</v>
      </c>
      <c r="D25" s="19">
        <v>170</v>
      </c>
      <c r="E25" s="19">
        <v>151</v>
      </c>
      <c r="F25" s="19"/>
      <c r="G25" s="18" t="s">
        <v>48</v>
      </c>
      <c r="H25" s="17"/>
      <c r="I25" s="13">
        <v>619</v>
      </c>
      <c r="J25" s="19">
        <v>310</v>
      </c>
      <c r="K25" s="19">
        <v>309</v>
      </c>
    </row>
    <row r="26" spans="1:11" ht="15" customHeight="1">
      <c r="A26" s="17" t="s">
        <v>49</v>
      </c>
      <c r="B26" s="17"/>
      <c r="C26" s="13">
        <v>368</v>
      </c>
      <c r="D26" s="19">
        <v>191</v>
      </c>
      <c r="E26" s="19">
        <v>177</v>
      </c>
      <c r="F26" s="19"/>
      <c r="G26" s="18" t="s">
        <v>50</v>
      </c>
      <c r="H26" s="17"/>
      <c r="I26" s="13">
        <v>670</v>
      </c>
      <c r="J26" s="19">
        <v>337</v>
      </c>
      <c r="K26" s="19">
        <v>333</v>
      </c>
    </row>
    <row r="27" spans="1:11" ht="15" customHeight="1">
      <c r="A27" s="17" t="s">
        <v>51</v>
      </c>
      <c r="B27" s="17"/>
      <c r="C27" s="13">
        <v>419</v>
      </c>
      <c r="D27" s="19">
        <v>213</v>
      </c>
      <c r="E27" s="19">
        <v>206</v>
      </c>
      <c r="F27" s="19"/>
      <c r="G27" s="18" t="s">
        <v>52</v>
      </c>
      <c r="H27" s="17"/>
      <c r="I27" s="13">
        <v>670</v>
      </c>
      <c r="J27" s="19">
        <v>346</v>
      </c>
      <c r="K27" s="19">
        <v>324</v>
      </c>
    </row>
    <row r="28" spans="1:11" ht="15" customHeight="1">
      <c r="A28" s="17" t="s">
        <v>53</v>
      </c>
      <c r="B28" s="17"/>
      <c r="C28" s="13">
        <v>453</v>
      </c>
      <c r="D28" s="19">
        <v>247</v>
      </c>
      <c r="E28" s="19">
        <v>206</v>
      </c>
      <c r="F28" s="19"/>
      <c r="G28" s="18" t="s">
        <v>54</v>
      </c>
      <c r="H28" s="17"/>
      <c r="I28" s="13">
        <v>723</v>
      </c>
      <c r="J28" s="19">
        <v>365</v>
      </c>
      <c r="K28" s="19">
        <v>358</v>
      </c>
    </row>
    <row r="29" spans="1:11" ht="20.100000000000001" customHeight="1">
      <c r="A29" s="17" t="s">
        <v>55</v>
      </c>
      <c r="B29" s="17"/>
      <c r="C29" s="13">
        <v>2000</v>
      </c>
      <c r="D29" s="14">
        <v>1112</v>
      </c>
      <c r="E29" s="14">
        <v>888</v>
      </c>
      <c r="F29" s="14"/>
      <c r="G29" s="18" t="s">
        <v>56</v>
      </c>
      <c r="H29" s="17"/>
      <c r="I29" s="13">
        <v>3231</v>
      </c>
      <c r="J29" s="14">
        <v>1573</v>
      </c>
      <c r="K29" s="14">
        <v>1658</v>
      </c>
    </row>
    <row r="30" spans="1:11" ht="15" customHeight="1">
      <c r="A30" s="17" t="s">
        <v>57</v>
      </c>
      <c r="B30" s="17"/>
      <c r="C30" s="13">
        <v>418</v>
      </c>
      <c r="D30" s="19">
        <v>217</v>
      </c>
      <c r="E30" s="19">
        <v>201</v>
      </c>
      <c r="F30" s="19"/>
      <c r="G30" s="18" t="s">
        <v>58</v>
      </c>
      <c r="H30" s="17"/>
      <c r="I30" s="13">
        <v>796</v>
      </c>
      <c r="J30" s="19">
        <v>396</v>
      </c>
      <c r="K30" s="19">
        <v>400</v>
      </c>
    </row>
    <row r="31" spans="1:11" ht="15" customHeight="1">
      <c r="A31" s="17" t="s">
        <v>59</v>
      </c>
      <c r="B31" s="17"/>
      <c r="C31" s="13">
        <v>404</v>
      </c>
      <c r="D31" s="19">
        <v>222</v>
      </c>
      <c r="E31" s="19">
        <v>182</v>
      </c>
      <c r="F31" s="19"/>
      <c r="G31" s="18" t="s">
        <v>60</v>
      </c>
      <c r="H31" s="17"/>
      <c r="I31" s="13">
        <v>772</v>
      </c>
      <c r="J31" s="19">
        <v>393</v>
      </c>
      <c r="K31" s="19">
        <v>379</v>
      </c>
    </row>
    <row r="32" spans="1:11" ht="15" customHeight="1">
      <c r="A32" s="17" t="s">
        <v>61</v>
      </c>
      <c r="B32" s="17"/>
      <c r="C32" s="13">
        <v>414</v>
      </c>
      <c r="D32" s="19">
        <v>225</v>
      </c>
      <c r="E32" s="19">
        <v>189</v>
      </c>
      <c r="F32" s="19"/>
      <c r="G32" s="18" t="s">
        <v>62</v>
      </c>
      <c r="H32" s="17"/>
      <c r="I32" s="13">
        <v>764</v>
      </c>
      <c r="J32" s="19">
        <v>356</v>
      </c>
      <c r="K32" s="19">
        <v>408</v>
      </c>
    </row>
    <row r="33" spans="1:11" ht="15" customHeight="1">
      <c r="A33" s="17" t="s">
        <v>63</v>
      </c>
      <c r="B33" s="17"/>
      <c r="C33" s="13">
        <v>389</v>
      </c>
      <c r="D33" s="19">
        <v>233</v>
      </c>
      <c r="E33" s="19">
        <v>156</v>
      </c>
      <c r="F33" s="19"/>
      <c r="G33" s="18" t="s">
        <v>64</v>
      </c>
      <c r="H33" s="17"/>
      <c r="I33" s="13">
        <v>482</v>
      </c>
      <c r="J33" s="19">
        <v>247</v>
      </c>
      <c r="K33" s="19">
        <v>235</v>
      </c>
    </row>
    <row r="34" spans="1:11" ht="15" customHeight="1">
      <c r="A34" s="17" t="s">
        <v>65</v>
      </c>
      <c r="B34" s="17"/>
      <c r="C34" s="13">
        <v>375</v>
      </c>
      <c r="D34" s="19">
        <v>215</v>
      </c>
      <c r="E34" s="19">
        <v>160</v>
      </c>
      <c r="F34" s="19"/>
      <c r="G34" s="18" t="s">
        <v>66</v>
      </c>
      <c r="H34" s="17"/>
      <c r="I34" s="13">
        <v>417</v>
      </c>
      <c r="J34" s="19">
        <v>181</v>
      </c>
      <c r="K34" s="19">
        <v>236</v>
      </c>
    </row>
    <row r="35" spans="1:11" ht="20.100000000000001" customHeight="1">
      <c r="A35" s="17" t="s">
        <v>67</v>
      </c>
      <c r="B35" s="17"/>
      <c r="C35" s="13">
        <v>1703</v>
      </c>
      <c r="D35" s="14">
        <v>1029</v>
      </c>
      <c r="E35" s="14">
        <v>674</v>
      </c>
      <c r="F35" s="14"/>
      <c r="G35" s="18" t="s">
        <v>68</v>
      </c>
      <c r="H35" s="17"/>
      <c r="I35" s="13">
        <v>2551</v>
      </c>
      <c r="J35" s="14">
        <v>1239</v>
      </c>
      <c r="K35" s="14">
        <v>1312</v>
      </c>
    </row>
    <row r="36" spans="1:11" ht="15" customHeight="1">
      <c r="A36" s="17" t="s">
        <v>69</v>
      </c>
      <c r="B36" s="17"/>
      <c r="C36" s="13">
        <v>356</v>
      </c>
      <c r="D36" s="19">
        <v>212</v>
      </c>
      <c r="E36" s="19">
        <v>144</v>
      </c>
      <c r="F36" s="19"/>
      <c r="G36" s="18" t="s">
        <v>70</v>
      </c>
      <c r="H36" s="17"/>
      <c r="I36" s="13">
        <v>507</v>
      </c>
      <c r="J36" s="19">
        <v>245</v>
      </c>
      <c r="K36" s="19">
        <v>262</v>
      </c>
    </row>
    <row r="37" spans="1:11" ht="15" customHeight="1">
      <c r="A37" s="17" t="s">
        <v>71</v>
      </c>
      <c r="B37" s="17"/>
      <c r="C37" s="13">
        <v>382</v>
      </c>
      <c r="D37" s="19">
        <v>224</v>
      </c>
      <c r="E37" s="19">
        <v>158</v>
      </c>
      <c r="F37" s="19"/>
      <c r="G37" s="18" t="s">
        <v>72</v>
      </c>
      <c r="H37" s="17"/>
      <c r="I37" s="13">
        <v>583</v>
      </c>
      <c r="J37" s="19">
        <v>298</v>
      </c>
      <c r="K37" s="19">
        <v>285</v>
      </c>
    </row>
    <row r="38" spans="1:11" ht="15" customHeight="1">
      <c r="A38" s="17" t="s">
        <v>73</v>
      </c>
      <c r="B38" s="17"/>
      <c r="C38" s="13">
        <v>316</v>
      </c>
      <c r="D38" s="19">
        <v>187</v>
      </c>
      <c r="E38" s="19">
        <v>129</v>
      </c>
      <c r="F38" s="19"/>
      <c r="G38" s="18" t="s">
        <v>74</v>
      </c>
      <c r="H38" s="17"/>
      <c r="I38" s="13">
        <v>515</v>
      </c>
      <c r="J38" s="19">
        <v>258</v>
      </c>
      <c r="K38" s="19">
        <v>257</v>
      </c>
    </row>
    <row r="39" spans="1:11" ht="15" customHeight="1">
      <c r="A39" s="17" t="s">
        <v>75</v>
      </c>
      <c r="B39" s="17"/>
      <c r="C39" s="13">
        <v>351</v>
      </c>
      <c r="D39" s="19">
        <v>216</v>
      </c>
      <c r="E39" s="19">
        <v>135</v>
      </c>
      <c r="F39" s="19"/>
      <c r="G39" s="18" t="s">
        <v>76</v>
      </c>
      <c r="H39" s="17"/>
      <c r="I39" s="13">
        <v>490</v>
      </c>
      <c r="J39" s="19">
        <v>230</v>
      </c>
      <c r="K39" s="19">
        <v>260</v>
      </c>
    </row>
    <row r="40" spans="1:11" ht="15" customHeight="1">
      <c r="A40" s="17" t="s">
        <v>77</v>
      </c>
      <c r="B40" s="17"/>
      <c r="C40" s="13">
        <v>298</v>
      </c>
      <c r="D40" s="19">
        <v>190</v>
      </c>
      <c r="E40" s="19">
        <v>108</v>
      </c>
      <c r="F40" s="19"/>
      <c r="G40" s="18" t="s">
        <v>78</v>
      </c>
      <c r="H40" s="17"/>
      <c r="I40" s="13">
        <v>456</v>
      </c>
      <c r="J40" s="19">
        <v>208</v>
      </c>
      <c r="K40" s="19">
        <v>248</v>
      </c>
    </row>
    <row r="41" spans="1:11" ht="20.100000000000001" customHeight="1">
      <c r="A41" s="17" t="s">
        <v>79</v>
      </c>
      <c r="B41" s="17"/>
      <c r="C41" s="13">
        <v>1713</v>
      </c>
      <c r="D41" s="14">
        <v>967</v>
      </c>
      <c r="E41" s="14">
        <v>746</v>
      </c>
      <c r="F41" s="14"/>
      <c r="G41" s="18" t="s">
        <v>80</v>
      </c>
      <c r="H41" s="17"/>
      <c r="I41" s="13">
        <v>1528</v>
      </c>
      <c r="J41" s="14">
        <v>715</v>
      </c>
      <c r="K41" s="14">
        <v>813</v>
      </c>
    </row>
    <row r="42" spans="1:11" ht="15" customHeight="1">
      <c r="A42" s="17" t="s">
        <v>81</v>
      </c>
      <c r="B42" s="17"/>
      <c r="C42" s="13">
        <v>327</v>
      </c>
      <c r="D42" s="19">
        <v>197</v>
      </c>
      <c r="E42" s="19">
        <v>130</v>
      </c>
      <c r="F42" s="19"/>
      <c r="G42" s="18" t="s">
        <v>82</v>
      </c>
      <c r="H42" s="17"/>
      <c r="I42" s="13">
        <v>382</v>
      </c>
      <c r="J42" s="19">
        <v>179</v>
      </c>
      <c r="K42" s="19">
        <v>203</v>
      </c>
    </row>
    <row r="43" spans="1:11" ht="15" customHeight="1">
      <c r="A43" s="17" t="s">
        <v>83</v>
      </c>
      <c r="B43" s="17"/>
      <c r="C43" s="13">
        <v>326</v>
      </c>
      <c r="D43" s="19">
        <v>178</v>
      </c>
      <c r="E43" s="19">
        <v>148</v>
      </c>
      <c r="F43" s="19"/>
      <c r="G43" s="18" t="s">
        <v>84</v>
      </c>
      <c r="H43" s="17"/>
      <c r="I43" s="13">
        <v>323</v>
      </c>
      <c r="J43" s="19">
        <v>152</v>
      </c>
      <c r="K43" s="19">
        <v>171</v>
      </c>
    </row>
    <row r="44" spans="1:11" ht="15" customHeight="1">
      <c r="A44" s="17" t="s">
        <v>85</v>
      </c>
      <c r="B44" s="17"/>
      <c r="C44" s="13">
        <v>346</v>
      </c>
      <c r="D44" s="19">
        <v>205</v>
      </c>
      <c r="E44" s="19">
        <v>141</v>
      </c>
      <c r="F44" s="19"/>
      <c r="G44" s="18" t="s">
        <v>86</v>
      </c>
      <c r="H44" s="17"/>
      <c r="I44" s="13">
        <v>310</v>
      </c>
      <c r="J44" s="19">
        <v>137</v>
      </c>
      <c r="K44" s="19">
        <v>173</v>
      </c>
    </row>
    <row r="45" spans="1:11" ht="15" customHeight="1">
      <c r="A45" s="17" t="s">
        <v>87</v>
      </c>
      <c r="B45" s="17"/>
      <c r="C45" s="13">
        <v>340</v>
      </c>
      <c r="D45" s="19">
        <v>184</v>
      </c>
      <c r="E45" s="19">
        <v>156</v>
      </c>
      <c r="F45" s="19"/>
      <c r="G45" s="18" t="s">
        <v>88</v>
      </c>
      <c r="H45" s="17"/>
      <c r="I45" s="13">
        <v>264</v>
      </c>
      <c r="J45" s="19">
        <v>137</v>
      </c>
      <c r="K45" s="19">
        <v>127</v>
      </c>
    </row>
    <row r="46" spans="1:11" ht="15" customHeight="1">
      <c r="A46" s="17" t="s">
        <v>89</v>
      </c>
      <c r="B46" s="17"/>
      <c r="C46" s="13">
        <v>374</v>
      </c>
      <c r="D46" s="19">
        <v>203</v>
      </c>
      <c r="E46" s="19">
        <v>171</v>
      </c>
      <c r="F46" s="19"/>
      <c r="G46" s="18" t="s">
        <v>90</v>
      </c>
      <c r="H46" s="17"/>
      <c r="I46" s="13">
        <v>249</v>
      </c>
      <c r="J46" s="19">
        <v>110</v>
      </c>
      <c r="K46" s="19">
        <v>139</v>
      </c>
    </row>
    <row r="47" spans="1:11" ht="20.100000000000001" customHeight="1">
      <c r="A47" s="17" t="s">
        <v>91</v>
      </c>
      <c r="B47" s="17"/>
      <c r="C47" s="13">
        <v>2025</v>
      </c>
      <c r="D47" s="14">
        <v>1093</v>
      </c>
      <c r="E47" s="14">
        <v>932</v>
      </c>
      <c r="F47" s="14"/>
      <c r="G47" s="18" t="s">
        <v>92</v>
      </c>
      <c r="H47" s="17"/>
      <c r="I47" s="13">
        <v>805</v>
      </c>
      <c r="J47" s="14">
        <v>314</v>
      </c>
      <c r="K47" s="14">
        <v>491</v>
      </c>
    </row>
    <row r="48" spans="1:11" ht="15" customHeight="1">
      <c r="A48" s="17" t="s">
        <v>93</v>
      </c>
      <c r="B48" s="17"/>
      <c r="C48" s="13">
        <v>371</v>
      </c>
      <c r="D48" s="19">
        <v>205</v>
      </c>
      <c r="E48" s="19">
        <v>166</v>
      </c>
      <c r="F48" s="19"/>
      <c r="G48" s="18" t="s">
        <v>94</v>
      </c>
      <c r="H48" s="17"/>
      <c r="I48" s="13">
        <v>210</v>
      </c>
      <c r="J48" s="19">
        <v>83</v>
      </c>
      <c r="K48" s="19">
        <v>127</v>
      </c>
    </row>
    <row r="49" spans="1:11" ht="15" customHeight="1">
      <c r="A49" s="17" t="s">
        <v>95</v>
      </c>
      <c r="B49" s="17"/>
      <c r="C49" s="13">
        <v>392</v>
      </c>
      <c r="D49" s="19">
        <v>219</v>
      </c>
      <c r="E49" s="19">
        <v>173</v>
      </c>
      <c r="F49" s="19"/>
      <c r="G49" s="18" t="s">
        <v>96</v>
      </c>
      <c r="H49" s="17"/>
      <c r="I49" s="13">
        <v>179</v>
      </c>
      <c r="J49" s="19">
        <v>74</v>
      </c>
      <c r="K49" s="19">
        <v>105</v>
      </c>
    </row>
    <row r="50" spans="1:11" ht="15" customHeight="1">
      <c r="A50" s="17" t="s">
        <v>97</v>
      </c>
      <c r="B50" s="17"/>
      <c r="C50" s="13">
        <v>412</v>
      </c>
      <c r="D50" s="19">
        <v>228</v>
      </c>
      <c r="E50" s="19">
        <v>184</v>
      </c>
      <c r="F50" s="19"/>
      <c r="G50" s="18" t="s">
        <v>98</v>
      </c>
      <c r="H50" s="17"/>
      <c r="I50" s="13">
        <v>176</v>
      </c>
      <c r="J50" s="19">
        <v>76</v>
      </c>
      <c r="K50" s="19">
        <v>100</v>
      </c>
    </row>
    <row r="51" spans="1:11" ht="15" customHeight="1">
      <c r="A51" s="17" t="s">
        <v>99</v>
      </c>
      <c r="B51" s="17"/>
      <c r="C51" s="13">
        <v>426</v>
      </c>
      <c r="D51" s="19">
        <v>213</v>
      </c>
      <c r="E51" s="19">
        <v>213</v>
      </c>
      <c r="F51" s="19"/>
      <c r="G51" s="18" t="s">
        <v>100</v>
      </c>
      <c r="H51" s="17"/>
      <c r="I51" s="13">
        <v>133</v>
      </c>
      <c r="J51" s="19">
        <v>53</v>
      </c>
      <c r="K51" s="19">
        <v>80</v>
      </c>
    </row>
    <row r="52" spans="1:11" ht="15" customHeight="1">
      <c r="A52" s="17" t="s">
        <v>101</v>
      </c>
      <c r="B52" s="17"/>
      <c r="C52" s="13">
        <v>424</v>
      </c>
      <c r="D52" s="19">
        <v>228</v>
      </c>
      <c r="E52" s="19">
        <v>196</v>
      </c>
      <c r="F52" s="19"/>
      <c r="G52" s="18" t="s">
        <v>102</v>
      </c>
      <c r="H52" s="17"/>
      <c r="I52" s="13">
        <v>107</v>
      </c>
      <c r="J52" s="19">
        <v>28</v>
      </c>
      <c r="K52" s="19">
        <v>79</v>
      </c>
    </row>
    <row r="53" spans="1:11" ht="20.100000000000001" customHeight="1">
      <c r="A53" s="17" t="s">
        <v>103</v>
      </c>
      <c r="B53" s="17"/>
      <c r="C53" s="13">
        <v>2469</v>
      </c>
      <c r="D53" s="14">
        <v>1302</v>
      </c>
      <c r="E53" s="14">
        <v>1167</v>
      </c>
      <c r="F53" s="14"/>
      <c r="G53" s="18" t="s">
        <v>104</v>
      </c>
      <c r="H53" s="17"/>
      <c r="I53" s="13">
        <v>305</v>
      </c>
      <c r="J53" s="14">
        <v>89</v>
      </c>
      <c r="K53" s="14">
        <v>216</v>
      </c>
    </row>
    <row r="54" spans="1:11" ht="15" customHeight="1">
      <c r="A54" s="17" t="s">
        <v>105</v>
      </c>
      <c r="B54" s="17"/>
      <c r="C54" s="13">
        <v>403</v>
      </c>
      <c r="D54" s="19">
        <v>218</v>
      </c>
      <c r="E54" s="19">
        <v>185</v>
      </c>
      <c r="F54" s="19"/>
      <c r="G54" s="18" t="s">
        <v>106</v>
      </c>
      <c r="H54" s="17"/>
      <c r="I54" s="13">
        <v>86</v>
      </c>
      <c r="J54" s="19">
        <v>30</v>
      </c>
      <c r="K54" s="19">
        <v>56</v>
      </c>
    </row>
    <row r="55" spans="1:11" ht="15" customHeight="1">
      <c r="A55" s="17" t="s">
        <v>107</v>
      </c>
      <c r="B55" s="17"/>
      <c r="C55" s="13">
        <v>527</v>
      </c>
      <c r="D55" s="19">
        <v>277</v>
      </c>
      <c r="E55" s="19">
        <v>250</v>
      </c>
      <c r="F55" s="19"/>
      <c r="G55" s="18" t="s">
        <v>108</v>
      </c>
      <c r="H55" s="17"/>
      <c r="I55" s="13">
        <v>57</v>
      </c>
      <c r="J55" s="19">
        <v>14</v>
      </c>
      <c r="K55" s="19">
        <v>43</v>
      </c>
    </row>
    <row r="56" spans="1:11" ht="15" customHeight="1">
      <c r="A56" s="17" t="s">
        <v>109</v>
      </c>
      <c r="B56" s="17"/>
      <c r="C56" s="13">
        <v>524</v>
      </c>
      <c r="D56" s="19">
        <v>289</v>
      </c>
      <c r="E56" s="19">
        <v>235</v>
      </c>
      <c r="F56" s="19"/>
      <c r="G56" s="18" t="s">
        <v>110</v>
      </c>
      <c r="H56" s="17"/>
      <c r="I56" s="13">
        <v>69</v>
      </c>
      <c r="J56" s="19">
        <v>20</v>
      </c>
      <c r="K56" s="19">
        <v>49</v>
      </c>
    </row>
    <row r="57" spans="1:11" ht="15" customHeight="1">
      <c r="A57" s="17" t="s">
        <v>111</v>
      </c>
      <c r="B57" s="17"/>
      <c r="C57" s="13">
        <v>490</v>
      </c>
      <c r="D57" s="19">
        <v>256</v>
      </c>
      <c r="E57" s="19">
        <v>234</v>
      </c>
      <c r="F57" s="19"/>
      <c r="G57" s="18" t="s">
        <v>112</v>
      </c>
      <c r="H57" s="17"/>
      <c r="I57" s="13">
        <v>43</v>
      </c>
      <c r="J57" s="19">
        <v>12</v>
      </c>
      <c r="K57" s="19">
        <v>31</v>
      </c>
    </row>
    <row r="58" spans="1:11" ht="15" customHeight="1">
      <c r="A58" s="17" t="s">
        <v>113</v>
      </c>
      <c r="B58" s="17"/>
      <c r="C58" s="13">
        <v>525</v>
      </c>
      <c r="D58" s="19">
        <v>262</v>
      </c>
      <c r="E58" s="19">
        <v>263</v>
      </c>
      <c r="F58" s="19"/>
      <c r="G58" s="18" t="s">
        <v>114</v>
      </c>
      <c r="H58" s="17"/>
      <c r="I58" s="13">
        <v>50</v>
      </c>
      <c r="J58" s="19">
        <v>13</v>
      </c>
      <c r="K58" s="19">
        <v>37</v>
      </c>
    </row>
    <row r="59" spans="1:11" ht="20.100000000000001" customHeight="1">
      <c r="A59" s="17" t="s">
        <v>115</v>
      </c>
      <c r="B59" s="17"/>
      <c r="C59" s="13">
        <v>3172</v>
      </c>
      <c r="D59" s="14">
        <v>1765</v>
      </c>
      <c r="E59" s="14">
        <v>1407</v>
      </c>
      <c r="F59" s="14"/>
      <c r="G59" s="18" t="s">
        <v>116</v>
      </c>
      <c r="H59" s="17"/>
      <c r="I59" s="13">
        <v>77</v>
      </c>
      <c r="J59" s="14">
        <v>20</v>
      </c>
      <c r="K59" s="14">
        <v>57</v>
      </c>
    </row>
    <row r="60" spans="1:11" ht="15" customHeight="1">
      <c r="A60" s="17" t="s">
        <v>117</v>
      </c>
      <c r="B60" s="17"/>
      <c r="C60" s="13">
        <v>579</v>
      </c>
      <c r="D60" s="19">
        <v>324</v>
      </c>
      <c r="E60" s="19">
        <v>255</v>
      </c>
      <c r="F60" s="19"/>
      <c r="G60" s="18" t="s">
        <v>118</v>
      </c>
      <c r="H60" s="17"/>
      <c r="I60" s="13">
        <v>29</v>
      </c>
      <c r="J60" s="19">
        <v>8</v>
      </c>
      <c r="K60" s="19">
        <v>21</v>
      </c>
    </row>
    <row r="61" spans="1:11" ht="15" customHeight="1">
      <c r="A61" s="17" t="s">
        <v>119</v>
      </c>
      <c r="B61" s="17"/>
      <c r="C61" s="13">
        <v>685</v>
      </c>
      <c r="D61" s="19">
        <v>396</v>
      </c>
      <c r="E61" s="19">
        <v>289</v>
      </c>
      <c r="F61" s="19"/>
      <c r="G61" s="18" t="s">
        <v>120</v>
      </c>
      <c r="H61" s="17"/>
      <c r="I61" s="13">
        <v>18</v>
      </c>
      <c r="J61" s="19">
        <v>4</v>
      </c>
      <c r="K61" s="19">
        <v>14</v>
      </c>
    </row>
    <row r="62" spans="1:11" ht="15" customHeight="1">
      <c r="A62" s="17" t="s">
        <v>121</v>
      </c>
      <c r="B62" s="17"/>
      <c r="C62" s="13">
        <v>654</v>
      </c>
      <c r="D62" s="19">
        <v>353</v>
      </c>
      <c r="E62" s="19">
        <v>301</v>
      </c>
      <c r="F62" s="19"/>
      <c r="G62" s="18" t="s">
        <v>122</v>
      </c>
      <c r="H62" s="17"/>
      <c r="I62" s="13">
        <v>12</v>
      </c>
      <c r="J62" s="19">
        <v>7</v>
      </c>
      <c r="K62" s="19">
        <v>5</v>
      </c>
    </row>
    <row r="63" spans="1:11" ht="15" customHeight="1">
      <c r="A63" s="17" t="s">
        <v>123</v>
      </c>
      <c r="B63" s="17"/>
      <c r="C63" s="13">
        <v>621</v>
      </c>
      <c r="D63" s="19">
        <v>344</v>
      </c>
      <c r="E63" s="19">
        <v>277</v>
      </c>
      <c r="F63" s="19"/>
      <c r="G63" s="18" t="s">
        <v>124</v>
      </c>
      <c r="H63" s="17"/>
      <c r="I63" s="13">
        <v>11</v>
      </c>
      <c r="J63" s="19">
        <v>1</v>
      </c>
      <c r="K63" s="19">
        <v>10</v>
      </c>
    </row>
    <row r="64" spans="1:11" ht="15" customHeight="1">
      <c r="A64" s="17" t="s">
        <v>125</v>
      </c>
      <c r="B64" s="17"/>
      <c r="C64" s="13">
        <v>633</v>
      </c>
      <c r="D64" s="19">
        <v>348</v>
      </c>
      <c r="E64" s="19">
        <v>285</v>
      </c>
      <c r="F64" s="19"/>
      <c r="G64" s="18" t="s">
        <v>126</v>
      </c>
      <c r="H64" s="17"/>
      <c r="I64" s="13">
        <v>7</v>
      </c>
      <c r="J64" s="19">
        <v>0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</v>
      </c>
      <c r="J65" s="19">
        <v>0</v>
      </c>
      <c r="K65" s="19">
        <v>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68</v>
      </c>
      <c r="J66" s="29">
        <v>507</v>
      </c>
      <c r="K66" s="29">
        <v>36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089</v>
      </c>
      <c r="D4" s="14">
        <v>1583</v>
      </c>
      <c r="E4" s="14">
        <v>150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2</v>
      </c>
      <c r="D5" s="14">
        <v>42</v>
      </c>
      <c r="E5" s="14">
        <v>50</v>
      </c>
      <c r="F5" s="14"/>
      <c r="G5" s="18" t="s">
        <v>8</v>
      </c>
      <c r="H5" s="17"/>
      <c r="I5" s="13">
        <v>192</v>
      </c>
      <c r="J5" s="14">
        <v>104</v>
      </c>
      <c r="K5" s="14">
        <v>88</v>
      </c>
    </row>
    <row r="6" spans="1:11" ht="15" customHeight="1">
      <c r="A6" s="17" t="s">
        <v>9</v>
      </c>
      <c r="B6" s="17"/>
      <c r="C6" s="13">
        <v>16</v>
      </c>
      <c r="D6" s="19">
        <v>7</v>
      </c>
      <c r="E6" s="19">
        <v>9</v>
      </c>
      <c r="F6" s="19"/>
      <c r="G6" s="18" t="s">
        <v>10</v>
      </c>
      <c r="H6" s="17"/>
      <c r="I6" s="13">
        <v>42</v>
      </c>
      <c r="J6" s="19">
        <v>27</v>
      </c>
      <c r="K6" s="19">
        <v>15</v>
      </c>
    </row>
    <row r="7" spans="1:11" ht="15" customHeight="1">
      <c r="A7" s="17" t="s">
        <v>11</v>
      </c>
      <c r="B7" s="17"/>
      <c r="C7" s="13">
        <v>18</v>
      </c>
      <c r="D7" s="19">
        <v>7</v>
      </c>
      <c r="E7" s="19">
        <v>11</v>
      </c>
      <c r="F7" s="19"/>
      <c r="G7" s="18" t="s">
        <v>12</v>
      </c>
      <c r="H7" s="17"/>
      <c r="I7" s="13">
        <v>49</v>
      </c>
      <c r="J7" s="19">
        <v>28</v>
      </c>
      <c r="K7" s="19">
        <v>21</v>
      </c>
    </row>
    <row r="8" spans="1:11" ht="15" customHeight="1">
      <c r="A8" s="17" t="s">
        <v>13</v>
      </c>
      <c r="B8" s="17"/>
      <c r="C8" s="13">
        <v>26</v>
      </c>
      <c r="D8" s="19">
        <v>13</v>
      </c>
      <c r="E8" s="19">
        <v>13</v>
      </c>
      <c r="F8" s="19"/>
      <c r="G8" s="18" t="s">
        <v>14</v>
      </c>
      <c r="H8" s="17"/>
      <c r="I8" s="13">
        <v>35</v>
      </c>
      <c r="J8" s="19">
        <v>20</v>
      </c>
      <c r="K8" s="19">
        <v>15</v>
      </c>
    </row>
    <row r="9" spans="1:11" ht="15" customHeight="1">
      <c r="A9" s="17" t="s">
        <v>15</v>
      </c>
      <c r="B9" s="17"/>
      <c r="C9" s="13">
        <v>18</v>
      </c>
      <c r="D9" s="19">
        <v>8</v>
      </c>
      <c r="E9" s="19">
        <v>10</v>
      </c>
      <c r="F9" s="19"/>
      <c r="G9" s="18" t="s">
        <v>16</v>
      </c>
      <c r="H9" s="17"/>
      <c r="I9" s="13">
        <v>26</v>
      </c>
      <c r="J9" s="19">
        <v>12</v>
      </c>
      <c r="K9" s="19">
        <v>14</v>
      </c>
    </row>
    <row r="10" spans="1:11" ht="15" customHeight="1">
      <c r="A10" s="17" t="s">
        <v>17</v>
      </c>
      <c r="B10" s="17"/>
      <c r="C10" s="13">
        <v>14</v>
      </c>
      <c r="D10" s="19">
        <v>7</v>
      </c>
      <c r="E10" s="19">
        <v>7</v>
      </c>
      <c r="F10" s="19"/>
      <c r="G10" s="18" t="s">
        <v>18</v>
      </c>
      <c r="H10" s="17"/>
      <c r="I10" s="13">
        <v>40</v>
      </c>
      <c r="J10" s="19">
        <v>17</v>
      </c>
      <c r="K10" s="19">
        <v>23</v>
      </c>
    </row>
    <row r="11" spans="1:11" ht="20.100000000000001" customHeight="1">
      <c r="A11" s="17" t="s">
        <v>19</v>
      </c>
      <c r="B11" s="17"/>
      <c r="C11" s="13">
        <v>84</v>
      </c>
      <c r="D11" s="14">
        <v>38</v>
      </c>
      <c r="E11" s="14">
        <v>46</v>
      </c>
      <c r="F11" s="14"/>
      <c r="G11" s="18" t="s">
        <v>20</v>
      </c>
      <c r="H11" s="17"/>
      <c r="I11" s="13">
        <v>199</v>
      </c>
      <c r="J11" s="14">
        <v>95</v>
      </c>
      <c r="K11" s="14">
        <v>104</v>
      </c>
    </row>
    <row r="12" spans="1:11" ht="15" customHeight="1">
      <c r="A12" s="17" t="s">
        <v>21</v>
      </c>
      <c r="B12" s="17"/>
      <c r="C12" s="13">
        <v>14</v>
      </c>
      <c r="D12" s="19">
        <v>4</v>
      </c>
      <c r="E12" s="19">
        <v>10</v>
      </c>
      <c r="F12" s="19"/>
      <c r="G12" s="18" t="s">
        <v>22</v>
      </c>
      <c r="H12" s="17"/>
      <c r="I12" s="13">
        <v>35</v>
      </c>
      <c r="J12" s="19">
        <v>16</v>
      </c>
      <c r="K12" s="19">
        <v>19</v>
      </c>
    </row>
    <row r="13" spans="1:11" ht="15" customHeight="1">
      <c r="A13" s="17" t="s">
        <v>23</v>
      </c>
      <c r="B13" s="17"/>
      <c r="C13" s="13">
        <v>12</v>
      </c>
      <c r="D13" s="19">
        <v>6</v>
      </c>
      <c r="E13" s="19">
        <v>6</v>
      </c>
      <c r="F13" s="19"/>
      <c r="G13" s="18" t="s">
        <v>24</v>
      </c>
      <c r="H13" s="17"/>
      <c r="I13" s="13">
        <v>41</v>
      </c>
      <c r="J13" s="19">
        <v>20</v>
      </c>
      <c r="K13" s="19">
        <v>21</v>
      </c>
    </row>
    <row r="14" spans="1:11" ht="15" customHeight="1">
      <c r="A14" s="17" t="s">
        <v>25</v>
      </c>
      <c r="B14" s="17"/>
      <c r="C14" s="13">
        <v>22</v>
      </c>
      <c r="D14" s="19">
        <v>9</v>
      </c>
      <c r="E14" s="19">
        <v>13</v>
      </c>
      <c r="F14" s="19"/>
      <c r="G14" s="18" t="s">
        <v>26</v>
      </c>
      <c r="H14" s="17"/>
      <c r="I14" s="13">
        <v>44</v>
      </c>
      <c r="J14" s="19">
        <v>23</v>
      </c>
      <c r="K14" s="19">
        <v>21</v>
      </c>
    </row>
    <row r="15" spans="1:11" ht="15" customHeight="1">
      <c r="A15" s="17" t="s">
        <v>27</v>
      </c>
      <c r="B15" s="17"/>
      <c r="C15" s="13">
        <v>22</v>
      </c>
      <c r="D15" s="19">
        <v>14</v>
      </c>
      <c r="E15" s="19">
        <v>8</v>
      </c>
      <c r="F15" s="19"/>
      <c r="G15" s="18" t="s">
        <v>28</v>
      </c>
      <c r="H15" s="17"/>
      <c r="I15" s="13">
        <v>34</v>
      </c>
      <c r="J15" s="19">
        <v>13</v>
      </c>
      <c r="K15" s="19">
        <v>21</v>
      </c>
    </row>
    <row r="16" spans="1:11" ht="15" customHeight="1">
      <c r="A16" s="17" t="s">
        <v>29</v>
      </c>
      <c r="B16" s="17"/>
      <c r="C16" s="13">
        <v>14</v>
      </c>
      <c r="D16" s="19">
        <v>5</v>
      </c>
      <c r="E16" s="19">
        <v>9</v>
      </c>
      <c r="F16" s="19"/>
      <c r="G16" s="18" t="s">
        <v>30</v>
      </c>
      <c r="H16" s="17"/>
      <c r="I16" s="13">
        <v>45</v>
      </c>
      <c r="J16" s="19">
        <v>23</v>
      </c>
      <c r="K16" s="19">
        <v>22</v>
      </c>
    </row>
    <row r="17" spans="1:11" ht="20.100000000000001" customHeight="1">
      <c r="A17" s="20" t="s">
        <v>31</v>
      </c>
      <c r="B17" s="20"/>
      <c r="C17" s="13">
        <v>122</v>
      </c>
      <c r="D17" s="14">
        <v>58</v>
      </c>
      <c r="E17" s="14">
        <v>64</v>
      </c>
      <c r="F17" s="14"/>
      <c r="G17" s="18" t="s">
        <v>32</v>
      </c>
      <c r="H17" s="17"/>
      <c r="I17" s="13">
        <v>247</v>
      </c>
      <c r="J17" s="14">
        <v>136</v>
      </c>
      <c r="K17" s="14">
        <v>111</v>
      </c>
    </row>
    <row r="18" spans="1:11" ht="15" customHeight="1">
      <c r="A18" s="17" t="s">
        <v>33</v>
      </c>
      <c r="B18" s="17"/>
      <c r="C18" s="13">
        <v>28</v>
      </c>
      <c r="D18" s="19">
        <v>14</v>
      </c>
      <c r="E18" s="19">
        <v>14</v>
      </c>
      <c r="F18" s="19"/>
      <c r="G18" s="18" t="s">
        <v>34</v>
      </c>
      <c r="H18" s="17"/>
      <c r="I18" s="13">
        <v>37</v>
      </c>
      <c r="J18" s="19">
        <v>13</v>
      </c>
      <c r="K18" s="19">
        <v>24</v>
      </c>
    </row>
    <row r="19" spans="1:11" ht="15" customHeight="1">
      <c r="A19" s="17" t="s">
        <v>35</v>
      </c>
      <c r="B19" s="17"/>
      <c r="C19" s="13">
        <v>29</v>
      </c>
      <c r="D19" s="19">
        <v>12</v>
      </c>
      <c r="E19" s="19">
        <v>17</v>
      </c>
      <c r="F19" s="19"/>
      <c r="G19" s="18" t="s">
        <v>36</v>
      </c>
      <c r="H19" s="17"/>
      <c r="I19" s="13">
        <v>44</v>
      </c>
      <c r="J19" s="19">
        <v>25</v>
      </c>
      <c r="K19" s="19">
        <v>19</v>
      </c>
    </row>
    <row r="20" spans="1:11" ht="15" customHeight="1">
      <c r="A20" s="17" t="s">
        <v>37</v>
      </c>
      <c r="B20" s="17"/>
      <c r="C20" s="13">
        <v>22</v>
      </c>
      <c r="D20" s="19">
        <v>13</v>
      </c>
      <c r="E20" s="19">
        <v>9</v>
      </c>
      <c r="F20" s="19"/>
      <c r="G20" s="18" t="s">
        <v>38</v>
      </c>
      <c r="H20" s="17"/>
      <c r="I20" s="13">
        <v>41</v>
      </c>
      <c r="J20" s="19">
        <v>17</v>
      </c>
      <c r="K20" s="19">
        <v>24</v>
      </c>
    </row>
    <row r="21" spans="1:11" ht="15" customHeight="1">
      <c r="A21" s="17" t="s">
        <v>39</v>
      </c>
      <c r="B21" s="17"/>
      <c r="C21" s="13">
        <v>28</v>
      </c>
      <c r="D21" s="19">
        <v>12</v>
      </c>
      <c r="E21" s="19">
        <v>16</v>
      </c>
      <c r="F21" s="19"/>
      <c r="G21" s="18" t="s">
        <v>40</v>
      </c>
      <c r="H21" s="17"/>
      <c r="I21" s="13">
        <v>54</v>
      </c>
      <c r="J21" s="19">
        <v>32</v>
      </c>
      <c r="K21" s="19">
        <v>22</v>
      </c>
    </row>
    <row r="22" spans="1:11" ht="15" customHeight="1">
      <c r="A22" s="17" t="s">
        <v>41</v>
      </c>
      <c r="B22" s="17"/>
      <c r="C22" s="13">
        <v>15</v>
      </c>
      <c r="D22" s="19">
        <v>7</v>
      </c>
      <c r="E22" s="19">
        <v>8</v>
      </c>
      <c r="F22" s="19"/>
      <c r="G22" s="18" t="s">
        <v>42</v>
      </c>
      <c r="H22" s="17"/>
      <c r="I22" s="13">
        <v>71</v>
      </c>
      <c r="J22" s="19">
        <v>49</v>
      </c>
      <c r="K22" s="19">
        <v>22</v>
      </c>
    </row>
    <row r="23" spans="1:11" ht="20.100000000000001" customHeight="1">
      <c r="A23" s="17" t="s">
        <v>43</v>
      </c>
      <c r="B23" s="17"/>
      <c r="C23" s="13">
        <v>126</v>
      </c>
      <c r="D23" s="14">
        <v>77</v>
      </c>
      <c r="E23" s="14">
        <v>49</v>
      </c>
      <c r="F23" s="14"/>
      <c r="G23" s="18" t="s">
        <v>44</v>
      </c>
      <c r="H23" s="17"/>
      <c r="I23" s="13">
        <v>310</v>
      </c>
      <c r="J23" s="14">
        <v>145</v>
      </c>
      <c r="K23" s="14">
        <v>165</v>
      </c>
    </row>
    <row r="24" spans="1:11" ht="15" customHeight="1">
      <c r="A24" s="17" t="s">
        <v>45</v>
      </c>
      <c r="B24" s="17"/>
      <c r="C24" s="13">
        <v>30</v>
      </c>
      <c r="D24" s="19">
        <v>20</v>
      </c>
      <c r="E24" s="19">
        <v>10</v>
      </c>
      <c r="F24" s="19"/>
      <c r="G24" s="18" t="s">
        <v>46</v>
      </c>
      <c r="H24" s="17"/>
      <c r="I24" s="13">
        <v>56</v>
      </c>
      <c r="J24" s="19">
        <v>28</v>
      </c>
      <c r="K24" s="19">
        <v>28</v>
      </c>
    </row>
    <row r="25" spans="1:11" ht="15" customHeight="1">
      <c r="A25" s="17" t="s">
        <v>47</v>
      </c>
      <c r="B25" s="17"/>
      <c r="C25" s="13">
        <v>21</v>
      </c>
      <c r="D25" s="19">
        <v>15</v>
      </c>
      <c r="E25" s="19">
        <v>6</v>
      </c>
      <c r="F25" s="19"/>
      <c r="G25" s="18" t="s">
        <v>48</v>
      </c>
      <c r="H25" s="17"/>
      <c r="I25" s="13">
        <v>55</v>
      </c>
      <c r="J25" s="19">
        <v>24</v>
      </c>
      <c r="K25" s="19">
        <v>31</v>
      </c>
    </row>
    <row r="26" spans="1:11" ht="15" customHeight="1">
      <c r="A26" s="17" t="s">
        <v>49</v>
      </c>
      <c r="B26" s="17"/>
      <c r="C26" s="13">
        <v>25</v>
      </c>
      <c r="D26" s="19">
        <v>15</v>
      </c>
      <c r="E26" s="19">
        <v>10</v>
      </c>
      <c r="F26" s="19"/>
      <c r="G26" s="18" t="s">
        <v>50</v>
      </c>
      <c r="H26" s="17"/>
      <c r="I26" s="13">
        <v>57</v>
      </c>
      <c r="J26" s="19">
        <v>32</v>
      </c>
      <c r="K26" s="19">
        <v>25</v>
      </c>
    </row>
    <row r="27" spans="1:11" ht="15" customHeight="1">
      <c r="A27" s="17" t="s">
        <v>51</v>
      </c>
      <c r="B27" s="17"/>
      <c r="C27" s="13">
        <v>26</v>
      </c>
      <c r="D27" s="19">
        <v>11</v>
      </c>
      <c r="E27" s="19">
        <v>15</v>
      </c>
      <c r="F27" s="19"/>
      <c r="G27" s="18" t="s">
        <v>52</v>
      </c>
      <c r="H27" s="17"/>
      <c r="I27" s="13">
        <v>67</v>
      </c>
      <c r="J27" s="19">
        <v>30</v>
      </c>
      <c r="K27" s="19">
        <v>37</v>
      </c>
    </row>
    <row r="28" spans="1:11" ht="15" customHeight="1">
      <c r="A28" s="17" t="s">
        <v>53</v>
      </c>
      <c r="B28" s="17"/>
      <c r="C28" s="13">
        <v>24</v>
      </c>
      <c r="D28" s="19">
        <v>16</v>
      </c>
      <c r="E28" s="19">
        <v>8</v>
      </c>
      <c r="F28" s="19"/>
      <c r="G28" s="18" t="s">
        <v>54</v>
      </c>
      <c r="H28" s="17"/>
      <c r="I28" s="13">
        <v>75</v>
      </c>
      <c r="J28" s="19">
        <v>31</v>
      </c>
      <c r="K28" s="19">
        <v>44</v>
      </c>
    </row>
    <row r="29" spans="1:11" ht="20.100000000000001" customHeight="1">
      <c r="A29" s="17" t="s">
        <v>55</v>
      </c>
      <c r="B29" s="17"/>
      <c r="C29" s="13">
        <v>98</v>
      </c>
      <c r="D29" s="14">
        <v>59</v>
      </c>
      <c r="E29" s="14">
        <v>39</v>
      </c>
      <c r="F29" s="14"/>
      <c r="G29" s="18" t="s">
        <v>56</v>
      </c>
      <c r="H29" s="17"/>
      <c r="I29" s="13">
        <v>304</v>
      </c>
      <c r="J29" s="14">
        <v>155</v>
      </c>
      <c r="K29" s="14">
        <v>149</v>
      </c>
    </row>
    <row r="30" spans="1:11" ht="15" customHeight="1">
      <c r="A30" s="17" t="s">
        <v>57</v>
      </c>
      <c r="B30" s="17"/>
      <c r="C30" s="13">
        <v>17</v>
      </c>
      <c r="D30" s="19">
        <v>8</v>
      </c>
      <c r="E30" s="19">
        <v>9</v>
      </c>
      <c r="F30" s="19"/>
      <c r="G30" s="18" t="s">
        <v>58</v>
      </c>
      <c r="H30" s="17"/>
      <c r="I30" s="13">
        <v>70</v>
      </c>
      <c r="J30" s="19">
        <v>31</v>
      </c>
      <c r="K30" s="19">
        <v>39</v>
      </c>
    </row>
    <row r="31" spans="1:11" ht="15" customHeight="1">
      <c r="A31" s="17" t="s">
        <v>59</v>
      </c>
      <c r="B31" s="17"/>
      <c r="C31" s="13">
        <v>28</v>
      </c>
      <c r="D31" s="19">
        <v>19</v>
      </c>
      <c r="E31" s="19">
        <v>9</v>
      </c>
      <c r="F31" s="19"/>
      <c r="G31" s="18" t="s">
        <v>60</v>
      </c>
      <c r="H31" s="17"/>
      <c r="I31" s="13">
        <v>80</v>
      </c>
      <c r="J31" s="19">
        <v>43</v>
      </c>
      <c r="K31" s="19">
        <v>37</v>
      </c>
    </row>
    <row r="32" spans="1:11" ht="15" customHeight="1">
      <c r="A32" s="17" t="s">
        <v>61</v>
      </c>
      <c r="B32" s="17"/>
      <c r="C32" s="13">
        <v>19</v>
      </c>
      <c r="D32" s="19">
        <v>12</v>
      </c>
      <c r="E32" s="19">
        <v>7</v>
      </c>
      <c r="F32" s="19"/>
      <c r="G32" s="18" t="s">
        <v>62</v>
      </c>
      <c r="H32" s="17"/>
      <c r="I32" s="13">
        <v>70</v>
      </c>
      <c r="J32" s="19">
        <v>39</v>
      </c>
      <c r="K32" s="19">
        <v>31</v>
      </c>
    </row>
    <row r="33" spans="1:11" ht="15" customHeight="1">
      <c r="A33" s="17" t="s">
        <v>63</v>
      </c>
      <c r="B33" s="17"/>
      <c r="C33" s="13">
        <v>19</v>
      </c>
      <c r="D33" s="19">
        <v>12</v>
      </c>
      <c r="E33" s="19">
        <v>7</v>
      </c>
      <c r="F33" s="19"/>
      <c r="G33" s="18" t="s">
        <v>64</v>
      </c>
      <c r="H33" s="17"/>
      <c r="I33" s="13">
        <v>44</v>
      </c>
      <c r="J33" s="19">
        <v>25</v>
      </c>
      <c r="K33" s="19">
        <v>19</v>
      </c>
    </row>
    <row r="34" spans="1:11" ht="15" customHeight="1">
      <c r="A34" s="17" t="s">
        <v>65</v>
      </c>
      <c r="B34" s="17"/>
      <c r="C34" s="13">
        <v>15</v>
      </c>
      <c r="D34" s="19">
        <v>8</v>
      </c>
      <c r="E34" s="19">
        <v>7</v>
      </c>
      <c r="F34" s="19"/>
      <c r="G34" s="18" t="s">
        <v>66</v>
      </c>
      <c r="H34" s="17"/>
      <c r="I34" s="13">
        <v>40</v>
      </c>
      <c r="J34" s="19">
        <v>17</v>
      </c>
      <c r="K34" s="19">
        <v>23</v>
      </c>
    </row>
    <row r="35" spans="1:11" ht="20.100000000000001" customHeight="1">
      <c r="A35" s="17" t="s">
        <v>67</v>
      </c>
      <c r="B35" s="17"/>
      <c r="C35" s="13">
        <v>96</v>
      </c>
      <c r="D35" s="14">
        <v>55</v>
      </c>
      <c r="E35" s="14">
        <v>41</v>
      </c>
      <c r="F35" s="14"/>
      <c r="G35" s="18" t="s">
        <v>68</v>
      </c>
      <c r="H35" s="17"/>
      <c r="I35" s="13">
        <v>218</v>
      </c>
      <c r="J35" s="14">
        <v>106</v>
      </c>
      <c r="K35" s="14">
        <v>112</v>
      </c>
    </row>
    <row r="36" spans="1:11" ht="15" customHeight="1">
      <c r="A36" s="17" t="s">
        <v>69</v>
      </c>
      <c r="B36" s="17"/>
      <c r="C36" s="13">
        <v>17</v>
      </c>
      <c r="D36" s="19">
        <v>11</v>
      </c>
      <c r="E36" s="19">
        <v>6</v>
      </c>
      <c r="F36" s="19"/>
      <c r="G36" s="18" t="s">
        <v>70</v>
      </c>
      <c r="H36" s="17"/>
      <c r="I36" s="13">
        <v>49</v>
      </c>
      <c r="J36" s="19">
        <v>26</v>
      </c>
      <c r="K36" s="19">
        <v>23</v>
      </c>
    </row>
    <row r="37" spans="1:11" ht="15" customHeight="1">
      <c r="A37" s="17" t="s">
        <v>71</v>
      </c>
      <c r="B37" s="17"/>
      <c r="C37" s="13">
        <v>19</v>
      </c>
      <c r="D37" s="19">
        <v>10</v>
      </c>
      <c r="E37" s="19">
        <v>9</v>
      </c>
      <c r="F37" s="19"/>
      <c r="G37" s="18" t="s">
        <v>72</v>
      </c>
      <c r="H37" s="17"/>
      <c r="I37" s="13">
        <v>47</v>
      </c>
      <c r="J37" s="19">
        <v>27</v>
      </c>
      <c r="K37" s="19">
        <v>20</v>
      </c>
    </row>
    <row r="38" spans="1:11" ht="15" customHeight="1">
      <c r="A38" s="17" t="s">
        <v>73</v>
      </c>
      <c r="B38" s="17"/>
      <c r="C38" s="13">
        <v>18</v>
      </c>
      <c r="D38" s="19">
        <v>12</v>
      </c>
      <c r="E38" s="19">
        <v>6</v>
      </c>
      <c r="F38" s="19"/>
      <c r="G38" s="18" t="s">
        <v>74</v>
      </c>
      <c r="H38" s="17"/>
      <c r="I38" s="13">
        <v>48</v>
      </c>
      <c r="J38" s="19">
        <v>25</v>
      </c>
      <c r="K38" s="19">
        <v>23</v>
      </c>
    </row>
    <row r="39" spans="1:11" ht="15" customHeight="1">
      <c r="A39" s="17" t="s">
        <v>75</v>
      </c>
      <c r="B39" s="17"/>
      <c r="C39" s="13">
        <v>19</v>
      </c>
      <c r="D39" s="19">
        <v>11</v>
      </c>
      <c r="E39" s="19">
        <v>8</v>
      </c>
      <c r="F39" s="19"/>
      <c r="G39" s="18" t="s">
        <v>76</v>
      </c>
      <c r="H39" s="17"/>
      <c r="I39" s="13">
        <v>36</v>
      </c>
      <c r="J39" s="19">
        <v>13</v>
      </c>
      <c r="K39" s="19">
        <v>23</v>
      </c>
    </row>
    <row r="40" spans="1:11" ht="15" customHeight="1">
      <c r="A40" s="17" t="s">
        <v>77</v>
      </c>
      <c r="B40" s="17"/>
      <c r="C40" s="13">
        <v>23</v>
      </c>
      <c r="D40" s="19">
        <v>11</v>
      </c>
      <c r="E40" s="19">
        <v>12</v>
      </c>
      <c r="F40" s="19"/>
      <c r="G40" s="18" t="s">
        <v>78</v>
      </c>
      <c r="H40" s="17"/>
      <c r="I40" s="13">
        <v>38</v>
      </c>
      <c r="J40" s="19">
        <v>15</v>
      </c>
      <c r="K40" s="19">
        <v>23</v>
      </c>
    </row>
    <row r="41" spans="1:11" ht="20.100000000000001" customHeight="1">
      <c r="A41" s="17" t="s">
        <v>79</v>
      </c>
      <c r="B41" s="17"/>
      <c r="C41" s="13">
        <v>105</v>
      </c>
      <c r="D41" s="14">
        <v>59</v>
      </c>
      <c r="E41" s="14">
        <v>46</v>
      </c>
      <c r="F41" s="14"/>
      <c r="G41" s="18" t="s">
        <v>80</v>
      </c>
      <c r="H41" s="17"/>
      <c r="I41" s="13">
        <v>163</v>
      </c>
      <c r="J41" s="14">
        <v>83</v>
      </c>
      <c r="K41" s="14">
        <v>80</v>
      </c>
    </row>
    <row r="42" spans="1:11" ht="15" customHeight="1">
      <c r="A42" s="17" t="s">
        <v>81</v>
      </c>
      <c r="B42" s="17"/>
      <c r="C42" s="13">
        <v>16</v>
      </c>
      <c r="D42" s="19">
        <v>10</v>
      </c>
      <c r="E42" s="19">
        <v>6</v>
      </c>
      <c r="F42" s="19"/>
      <c r="G42" s="18" t="s">
        <v>82</v>
      </c>
      <c r="H42" s="17"/>
      <c r="I42" s="13">
        <v>35</v>
      </c>
      <c r="J42" s="19">
        <v>18</v>
      </c>
      <c r="K42" s="19">
        <v>17</v>
      </c>
    </row>
    <row r="43" spans="1:11" ht="15" customHeight="1">
      <c r="A43" s="17" t="s">
        <v>83</v>
      </c>
      <c r="B43" s="17"/>
      <c r="C43" s="13">
        <v>24</v>
      </c>
      <c r="D43" s="19">
        <v>14</v>
      </c>
      <c r="E43" s="19">
        <v>10</v>
      </c>
      <c r="F43" s="19"/>
      <c r="G43" s="18" t="s">
        <v>84</v>
      </c>
      <c r="H43" s="17"/>
      <c r="I43" s="13">
        <v>29</v>
      </c>
      <c r="J43" s="19">
        <v>17</v>
      </c>
      <c r="K43" s="19">
        <v>12</v>
      </c>
    </row>
    <row r="44" spans="1:11" ht="15" customHeight="1">
      <c r="A44" s="17" t="s">
        <v>85</v>
      </c>
      <c r="B44" s="17"/>
      <c r="C44" s="13">
        <v>21</v>
      </c>
      <c r="D44" s="19">
        <v>13</v>
      </c>
      <c r="E44" s="19">
        <v>8</v>
      </c>
      <c r="F44" s="19"/>
      <c r="G44" s="18" t="s">
        <v>86</v>
      </c>
      <c r="H44" s="17"/>
      <c r="I44" s="13">
        <v>29</v>
      </c>
      <c r="J44" s="19">
        <v>16</v>
      </c>
      <c r="K44" s="19">
        <v>13</v>
      </c>
    </row>
    <row r="45" spans="1:11" ht="15" customHeight="1">
      <c r="A45" s="17" t="s">
        <v>87</v>
      </c>
      <c r="B45" s="17"/>
      <c r="C45" s="13">
        <v>19</v>
      </c>
      <c r="D45" s="19">
        <v>10</v>
      </c>
      <c r="E45" s="19">
        <v>9</v>
      </c>
      <c r="F45" s="19"/>
      <c r="G45" s="18" t="s">
        <v>88</v>
      </c>
      <c r="H45" s="17"/>
      <c r="I45" s="13">
        <v>40</v>
      </c>
      <c r="J45" s="19">
        <v>16</v>
      </c>
      <c r="K45" s="19">
        <v>24</v>
      </c>
    </row>
    <row r="46" spans="1:11" ht="15" customHeight="1">
      <c r="A46" s="17" t="s">
        <v>89</v>
      </c>
      <c r="B46" s="17"/>
      <c r="C46" s="13">
        <v>25</v>
      </c>
      <c r="D46" s="19">
        <v>12</v>
      </c>
      <c r="E46" s="19">
        <v>13</v>
      </c>
      <c r="F46" s="19"/>
      <c r="G46" s="18" t="s">
        <v>90</v>
      </c>
      <c r="H46" s="17"/>
      <c r="I46" s="13">
        <v>30</v>
      </c>
      <c r="J46" s="19">
        <v>16</v>
      </c>
      <c r="K46" s="19">
        <v>14</v>
      </c>
    </row>
    <row r="47" spans="1:11" ht="20.100000000000001" customHeight="1">
      <c r="A47" s="17" t="s">
        <v>91</v>
      </c>
      <c r="B47" s="17"/>
      <c r="C47" s="13">
        <v>158</v>
      </c>
      <c r="D47" s="14">
        <v>82</v>
      </c>
      <c r="E47" s="14">
        <v>76</v>
      </c>
      <c r="F47" s="14"/>
      <c r="G47" s="18" t="s">
        <v>92</v>
      </c>
      <c r="H47" s="17"/>
      <c r="I47" s="13">
        <v>81</v>
      </c>
      <c r="J47" s="14">
        <v>33</v>
      </c>
      <c r="K47" s="14">
        <v>48</v>
      </c>
    </row>
    <row r="48" spans="1:11" ht="15" customHeight="1">
      <c r="A48" s="17" t="s">
        <v>93</v>
      </c>
      <c r="B48" s="17"/>
      <c r="C48" s="13">
        <v>39</v>
      </c>
      <c r="D48" s="19">
        <v>21</v>
      </c>
      <c r="E48" s="19">
        <v>18</v>
      </c>
      <c r="F48" s="19"/>
      <c r="G48" s="18" t="s">
        <v>94</v>
      </c>
      <c r="H48" s="17"/>
      <c r="I48" s="13">
        <v>20</v>
      </c>
      <c r="J48" s="19">
        <v>8</v>
      </c>
      <c r="K48" s="19">
        <v>12</v>
      </c>
    </row>
    <row r="49" spans="1:11" ht="15" customHeight="1">
      <c r="A49" s="17" t="s">
        <v>95</v>
      </c>
      <c r="B49" s="17"/>
      <c r="C49" s="13">
        <v>24</v>
      </c>
      <c r="D49" s="19">
        <v>16</v>
      </c>
      <c r="E49" s="19">
        <v>8</v>
      </c>
      <c r="F49" s="19"/>
      <c r="G49" s="18" t="s">
        <v>96</v>
      </c>
      <c r="H49" s="17"/>
      <c r="I49" s="13">
        <v>13</v>
      </c>
      <c r="J49" s="19">
        <v>5</v>
      </c>
      <c r="K49" s="19">
        <v>8</v>
      </c>
    </row>
    <row r="50" spans="1:11" ht="15" customHeight="1">
      <c r="A50" s="17" t="s">
        <v>97</v>
      </c>
      <c r="B50" s="17"/>
      <c r="C50" s="13">
        <v>26</v>
      </c>
      <c r="D50" s="19">
        <v>16</v>
      </c>
      <c r="E50" s="19">
        <v>10</v>
      </c>
      <c r="F50" s="19"/>
      <c r="G50" s="18" t="s">
        <v>98</v>
      </c>
      <c r="H50" s="17"/>
      <c r="I50" s="13">
        <v>18</v>
      </c>
      <c r="J50" s="19">
        <v>8</v>
      </c>
      <c r="K50" s="19">
        <v>10</v>
      </c>
    </row>
    <row r="51" spans="1:11" ht="15" customHeight="1">
      <c r="A51" s="17" t="s">
        <v>99</v>
      </c>
      <c r="B51" s="17"/>
      <c r="C51" s="13">
        <v>34</v>
      </c>
      <c r="D51" s="19">
        <v>13</v>
      </c>
      <c r="E51" s="19">
        <v>21</v>
      </c>
      <c r="F51" s="19"/>
      <c r="G51" s="18" t="s">
        <v>100</v>
      </c>
      <c r="H51" s="17"/>
      <c r="I51" s="13">
        <v>15</v>
      </c>
      <c r="J51" s="19">
        <v>6</v>
      </c>
      <c r="K51" s="19">
        <v>9</v>
      </c>
    </row>
    <row r="52" spans="1:11" ht="15" customHeight="1">
      <c r="A52" s="17" t="s">
        <v>101</v>
      </c>
      <c r="B52" s="17"/>
      <c r="C52" s="13">
        <v>35</v>
      </c>
      <c r="D52" s="19">
        <v>16</v>
      </c>
      <c r="E52" s="19">
        <v>19</v>
      </c>
      <c r="F52" s="19"/>
      <c r="G52" s="18" t="s">
        <v>102</v>
      </c>
      <c r="H52" s="17"/>
      <c r="I52" s="13">
        <v>15</v>
      </c>
      <c r="J52" s="19">
        <v>6</v>
      </c>
      <c r="K52" s="19">
        <v>9</v>
      </c>
    </row>
    <row r="53" spans="1:11" ht="20.100000000000001" customHeight="1">
      <c r="A53" s="17" t="s">
        <v>103</v>
      </c>
      <c r="B53" s="17"/>
      <c r="C53" s="13">
        <v>188</v>
      </c>
      <c r="D53" s="14">
        <v>106</v>
      </c>
      <c r="E53" s="14">
        <v>82</v>
      </c>
      <c r="F53" s="14"/>
      <c r="G53" s="18" t="s">
        <v>104</v>
      </c>
      <c r="H53" s="17"/>
      <c r="I53" s="13">
        <v>52</v>
      </c>
      <c r="J53" s="14">
        <v>15</v>
      </c>
      <c r="K53" s="14">
        <v>37</v>
      </c>
    </row>
    <row r="54" spans="1:11" ht="15" customHeight="1">
      <c r="A54" s="17" t="s">
        <v>105</v>
      </c>
      <c r="B54" s="17"/>
      <c r="C54" s="13">
        <v>31</v>
      </c>
      <c r="D54" s="19">
        <v>17</v>
      </c>
      <c r="E54" s="19">
        <v>14</v>
      </c>
      <c r="F54" s="19"/>
      <c r="G54" s="18" t="s">
        <v>106</v>
      </c>
      <c r="H54" s="17"/>
      <c r="I54" s="13">
        <v>12</v>
      </c>
      <c r="J54" s="19">
        <v>4</v>
      </c>
      <c r="K54" s="19">
        <v>8</v>
      </c>
    </row>
    <row r="55" spans="1:11" ht="15" customHeight="1">
      <c r="A55" s="17" t="s">
        <v>107</v>
      </c>
      <c r="B55" s="17"/>
      <c r="C55" s="13">
        <v>31</v>
      </c>
      <c r="D55" s="19">
        <v>13</v>
      </c>
      <c r="E55" s="19">
        <v>18</v>
      </c>
      <c r="F55" s="19"/>
      <c r="G55" s="18" t="s">
        <v>108</v>
      </c>
      <c r="H55" s="17"/>
      <c r="I55" s="13">
        <v>10</v>
      </c>
      <c r="J55" s="19">
        <v>0</v>
      </c>
      <c r="K55" s="19">
        <v>10</v>
      </c>
    </row>
    <row r="56" spans="1:11" ht="15" customHeight="1">
      <c r="A56" s="17" t="s">
        <v>109</v>
      </c>
      <c r="B56" s="17"/>
      <c r="C56" s="13">
        <v>39</v>
      </c>
      <c r="D56" s="19">
        <v>26</v>
      </c>
      <c r="E56" s="19">
        <v>13</v>
      </c>
      <c r="F56" s="19"/>
      <c r="G56" s="18" t="s">
        <v>110</v>
      </c>
      <c r="H56" s="17"/>
      <c r="I56" s="13">
        <v>12</v>
      </c>
      <c r="J56" s="19">
        <v>6</v>
      </c>
      <c r="K56" s="19">
        <v>6</v>
      </c>
    </row>
    <row r="57" spans="1:11" ht="15" customHeight="1">
      <c r="A57" s="17" t="s">
        <v>111</v>
      </c>
      <c r="B57" s="17"/>
      <c r="C57" s="13">
        <v>46</v>
      </c>
      <c r="D57" s="19">
        <v>23</v>
      </c>
      <c r="E57" s="19">
        <v>23</v>
      </c>
      <c r="F57" s="19"/>
      <c r="G57" s="18" t="s">
        <v>112</v>
      </c>
      <c r="H57" s="17"/>
      <c r="I57" s="13">
        <v>9</v>
      </c>
      <c r="J57" s="19">
        <v>3</v>
      </c>
      <c r="K57" s="19">
        <v>6</v>
      </c>
    </row>
    <row r="58" spans="1:11" ht="15" customHeight="1">
      <c r="A58" s="17" t="s">
        <v>113</v>
      </c>
      <c r="B58" s="17"/>
      <c r="C58" s="13">
        <v>41</v>
      </c>
      <c r="D58" s="19">
        <v>27</v>
      </c>
      <c r="E58" s="19">
        <v>14</v>
      </c>
      <c r="F58" s="19"/>
      <c r="G58" s="18" t="s">
        <v>114</v>
      </c>
      <c r="H58" s="17"/>
      <c r="I58" s="13">
        <v>9</v>
      </c>
      <c r="J58" s="19">
        <v>2</v>
      </c>
      <c r="K58" s="19">
        <v>7</v>
      </c>
    </row>
    <row r="59" spans="1:11" ht="20.100000000000001" customHeight="1">
      <c r="A59" s="17" t="s">
        <v>115</v>
      </c>
      <c r="B59" s="17"/>
      <c r="C59" s="13">
        <v>232</v>
      </c>
      <c r="D59" s="14">
        <v>127</v>
      </c>
      <c r="E59" s="14">
        <v>105</v>
      </c>
      <c r="F59" s="14"/>
      <c r="G59" s="18" t="s">
        <v>116</v>
      </c>
      <c r="H59" s="17"/>
      <c r="I59" s="13">
        <v>18</v>
      </c>
      <c r="J59" s="14">
        <v>5</v>
      </c>
      <c r="K59" s="14">
        <v>13</v>
      </c>
    </row>
    <row r="60" spans="1:11" ht="15" customHeight="1">
      <c r="A60" s="17" t="s">
        <v>117</v>
      </c>
      <c r="B60" s="17"/>
      <c r="C60" s="13">
        <v>38</v>
      </c>
      <c r="D60" s="19">
        <v>21</v>
      </c>
      <c r="E60" s="19">
        <v>17</v>
      </c>
      <c r="F60" s="19"/>
      <c r="G60" s="18" t="s">
        <v>118</v>
      </c>
      <c r="H60" s="17"/>
      <c r="I60" s="13">
        <v>5</v>
      </c>
      <c r="J60" s="19">
        <v>1</v>
      </c>
      <c r="K60" s="19">
        <v>4</v>
      </c>
    </row>
    <row r="61" spans="1:11" ht="15" customHeight="1">
      <c r="A61" s="17" t="s">
        <v>119</v>
      </c>
      <c r="B61" s="17"/>
      <c r="C61" s="13">
        <v>35</v>
      </c>
      <c r="D61" s="19">
        <v>18</v>
      </c>
      <c r="E61" s="19">
        <v>17</v>
      </c>
      <c r="F61" s="19"/>
      <c r="G61" s="18" t="s">
        <v>120</v>
      </c>
      <c r="H61" s="17"/>
      <c r="I61" s="13">
        <v>4</v>
      </c>
      <c r="J61" s="19">
        <v>2</v>
      </c>
      <c r="K61" s="19">
        <v>2</v>
      </c>
    </row>
    <row r="62" spans="1:11" ht="15" customHeight="1">
      <c r="A62" s="17" t="s">
        <v>121</v>
      </c>
      <c r="B62" s="17"/>
      <c r="C62" s="13">
        <v>55</v>
      </c>
      <c r="D62" s="19">
        <v>26</v>
      </c>
      <c r="E62" s="19">
        <v>29</v>
      </c>
      <c r="F62" s="19"/>
      <c r="G62" s="18" t="s">
        <v>122</v>
      </c>
      <c r="H62" s="17"/>
      <c r="I62" s="13">
        <v>4</v>
      </c>
      <c r="J62" s="19">
        <v>0</v>
      </c>
      <c r="K62" s="19">
        <v>4</v>
      </c>
    </row>
    <row r="63" spans="1:11" ht="15" customHeight="1">
      <c r="A63" s="17" t="s">
        <v>123</v>
      </c>
      <c r="B63" s="17"/>
      <c r="C63" s="13">
        <v>63</v>
      </c>
      <c r="D63" s="19">
        <v>34</v>
      </c>
      <c r="E63" s="19">
        <v>29</v>
      </c>
      <c r="F63" s="19"/>
      <c r="G63" s="18" t="s">
        <v>124</v>
      </c>
      <c r="H63" s="17"/>
      <c r="I63" s="13">
        <v>3</v>
      </c>
      <c r="J63" s="19">
        <v>1</v>
      </c>
      <c r="K63" s="19">
        <v>2</v>
      </c>
    </row>
    <row r="64" spans="1:11" ht="15" customHeight="1">
      <c r="A64" s="17" t="s">
        <v>125</v>
      </c>
      <c r="B64" s="17"/>
      <c r="C64" s="13">
        <v>41</v>
      </c>
      <c r="D64" s="19">
        <v>28</v>
      </c>
      <c r="E64" s="19">
        <v>13</v>
      </c>
      <c r="F64" s="19"/>
      <c r="G64" s="18" t="s">
        <v>126</v>
      </c>
      <c r="H64" s="17"/>
      <c r="I64" s="13">
        <v>2</v>
      </c>
      <c r="J64" s="19">
        <v>1</v>
      </c>
      <c r="K64" s="19">
        <v>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</v>
      </c>
      <c r="J66" s="29">
        <v>3</v>
      </c>
      <c r="K66" s="29">
        <v>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6" pageOrder="overThenDown" orientation="portrait" blackAndWhite="1" useFirstPageNumber="1" horizontalDpi="300" verticalDpi="300" r:id="rId1"/>
  <headerFooter scaleWithDoc="0" alignWithMargins="0">
    <oddFooter>&amp;C&amp;"+,太字"-&amp;P--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N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1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08801</v>
      </c>
      <c r="D4" s="14">
        <v>650923</v>
      </c>
      <c r="E4" s="14">
        <v>6578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8787</v>
      </c>
      <c r="D5" s="14">
        <v>24992</v>
      </c>
      <c r="E5" s="14">
        <v>23795</v>
      </c>
      <c r="F5" s="14"/>
      <c r="G5" s="18" t="s">
        <v>8</v>
      </c>
      <c r="H5" s="17"/>
      <c r="I5" s="13">
        <v>97367</v>
      </c>
      <c r="J5" s="14">
        <v>50737</v>
      </c>
      <c r="K5" s="14">
        <v>46630</v>
      </c>
    </row>
    <row r="6" spans="1:11" ht="15" customHeight="1">
      <c r="A6" s="17" t="s">
        <v>9</v>
      </c>
      <c r="B6" s="17"/>
      <c r="C6" s="13">
        <v>8792</v>
      </c>
      <c r="D6" s="19">
        <v>4592</v>
      </c>
      <c r="E6" s="19">
        <v>4200</v>
      </c>
      <c r="F6" s="19"/>
      <c r="G6" s="18" t="s">
        <v>10</v>
      </c>
      <c r="H6" s="17"/>
      <c r="I6" s="13">
        <v>20904</v>
      </c>
      <c r="J6" s="19">
        <v>10803</v>
      </c>
      <c r="K6" s="19">
        <v>10101</v>
      </c>
    </row>
    <row r="7" spans="1:11" ht="15" customHeight="1">
      <c r="A7" s="17" t="s">
        <v>11</v>
      </c>
      <c r="B7" s="17"/>
      <c r="C7" s="13">
        <v>9481</v>
      </c>
      <c r="D7" s="19">
        <v>4819</v>
      </c>
      <c r="E7" s="19">
        <v>4662</v>
      </c>
      <c r="F7" s="19"/>
      <c r="G7" s="18" t="s">
        <v>12</v>
      </c>
      <c r="H7" s="17"/>
      <c r="I7" s="13">
        <v>20739</v>
      </c>
      <c r="J7" s="19">
        <v>10754</v>
      </c>
      <c r="K7" s="19">
        <v>9985</v>
      </c>
    </row>
    <row r="8" spans="1:11" ht="15" customHeight="1">
      <c r="A8" s="17" t="s">
        <v>13</v>
      </c>
      <c r="B8" s="17"/>
      <c r="C8" s="13">
        <v>9900</v>
      </c>
      <c r="D8" s="19">
        <v>5041</v>
      </c>
      <c r="E8" s="19">
        <v>4859</v>
      </c>
      <c r="F8" s="19"/>
      <c r="G8" s="18" t="s">
        <v>14</v>
      </c>
      <c r="H8" s="17"/>
      <c r="I8" s="13">
        <v>21288</v>
      </c>
      <c r="J8" s="19">
        <v>11200</v>
      </c>
      <c r="K8" s="19">
        <v>10088</v>
      </c>
    </row>
    <row r="9" spans="1:11" ht="15" customHeight="1">
      <c r="A9" s="17" t="s">
        <v>15</v>
      </c>
      <c r="B9" s="17"/>
      <c r="C9" s="13">
        <v>10510</v>
      </c>
      <c r="D9" s="19">
        <v>5474</v>
      </c>
      <c r="E9" s="19">
        <v>5036</v>
      </c>
      <c r="F9" s="19"/>
      <c r="G9" s="18" t="s">
        <v>16</v>
      </c>
      <c r="H9" s="17"/>
      <c r="I9" s="13">
        <v>14975</v>
      </c>
      <c r="J9" s="19">
        <v>7901</v>
      </c>
      <c r="K9" s="19">
        <v>7074</v>
      </c>
    </row>
    <row r="10" spans="1:11" ht="15" customHeight="1">
      <c r="A10" s="17" t="s">
        <v>17</v>
      </c>
      <c r="B10" s="17"/>
      <c r="C10" s="13">
        <v>10104</v>
      </c>
      <c r="D10" s="19">
        <v>5066</v>
      </c>
      <c r="E10" s="19">
        <v>5038</v>
      </c>
      <c r="F10" s="19"/>
      <c r="G10" s="18" t="s">
        <v>18</v>
      </c>
      <c r="H10" s="17"/>
      <c r="I10" s="13">
        <v>19461</v>
      </c>
      <c r="J10" s="19">
        <v>10079</v>
      </c>
      <c r="K10" s="19">
        <v>9382</v>
      </c>
    </row>
    <row r="11" spans="1:11" ht="20.100000000000001" customHeight="1">
      <c r="A11" s="17" t="s">
        <v>19</v>
      </c>
      <c r="B11" s="17"/>
      <c r="C11" s="13">
        <v>54260</v>
      </c>
      <c r="D11" s="14">
        <v>27815</v>
      </c>
      <c r="E11" s="14">
        <v>26445</v>
      </c>
      <c r="F11" s="14"/>
      <c r="G11" s="18" t="s">
        <v>20</v>
      </c>
      <c r="H11" s="17"/>
      <c r="I11" s="13">
        <v>80681</v>
      </c>
      <c r="J11" s="14">
        <v>41524</v>
      </c>
      <c r="K11" s="14">
        <v>39157</v>
      </c>
    </row>
    <row r="12" spans="1:11" ht="15" customHeight="1">
      <c r="A12" s="17" t="s">
        <v>21</v>
      </c>
      <c r="B12" s="17"/>
      <c r="C12" s="13">
        <v>10307</v>
      </c>
      <c r="D12" s="19">
        <v>5363</v>
      </c>
      <c r="E12" s="19">
        <v>4944</v>
      </c>
      <c r="F12" s="19"/>
      <c r="G12" s="18" t="s">
        <v>22</v>
      </c>
      <c r="H12" s="17"/>
      <c r="I12" s="13">
        <v>17922</v>
      </c>
      <c r="J12" s="19">
        <v>9273</v>
      </c>
      <c r="K12" s="19">
        <v>8649</v>
      </c>
    </row>
    <row r="13" spans="1:11" ht="15" customHeight="1">
      <c r="A13" s="17" t="s">
        <v>23</v>
      </c>
      <c r="B13" s="17"/>
      <c r="C13" s="13">
        <v>10816</v>
      </c>
      <c r="D13" s="19">
        <v>5532</v>
      </c>
      <c r="E13" s="19">
        <v>5284</v>
      </c>
      <c r="F13" s="19"/>
      <c r="G13" s="18" t="s">
        <v>24</v>
      </c>
      <c r="H13" s="17"/>
      <c r="I13" s="13">
        <v>16857</v>
      </c>
      <c r="J13" s="19">
        <v>8775</v>
      </c>
      <c r="K13" s="19">
        <v>8082</v>
      </c>
    </row>
    <row r="14" spans="1:11" ht="15" customHeight="1">
      <c r="A14" s="17" t="s">
        <v>25</v>
      </c>
      <c r="B14" s="17"/>
      <c r="C14" s="13">
        <v>10860</v>
      </c>
      <c r="D14" s="19">
        <v>5573</v>
      </c>
      <c r="E14" s="19">
        <v>5287</v>
      </c>
      <c r="F14" s="19"/>
      <c r="G14" s="18" t="s">
        <v>26</v>
      </c>
      <c r="H14" s="17"/>
      <c r="I14" s="13">
        <v>15762</v>
      </c>
      <c r="J14" s="19">
        <v>8159</v>
      </c>
      <c r="K14" s="19">
        <v>7603</v>
      </c>
    </row>
    <row r="15" spans="1:11" ht="15" customHeight="1">
      <c r="A15" s="17" t="s">
        <v>27</v>
      </c>
      <c r="B15" s="17"/>
      <c r="C15" s="13">
        <v>11155</v>
      </c>
      <c r="D15" s="19">
        <v>5678</v>
      </c>
      <c r="E15" s="19">
        <v>5477</v>
      </c>
      <c r="F15" s="19"/>
      <c r="G15" s="18" t="s">
        <v>28</v>
      </c>
      <c r="H15" s="17"/>
      <c r="I15" s="13">
        <v>15309</v>
      </c>
      <c r="J15" s="19">
        <v>7798</v>
      </c>
      <c r="K15" s="19">
        <v>7511</v>
      </c>
    </row>
    <row r="16" spans="1:11" ht="15" customHeight="1">
      <c r="A16" s="17" t="s">
        <v>29</v>
      </c>
      <c r="B16" s="17"/>
      <c r="C16" s="13">
        <v>11122</v>
      </c>
      <c r="D16" s="19">
        <v>5669</v>
      </c>
      <c r="E16" s="19">
        <v>5453</v>
      </c>
      <c r="F16" s="19"/>
      <c r="G16" s="18" t="s">
        <v>30</v>
      </c>
      <c r="H16" s="17"/>
      <c r="I16" s="13">
        <v>14831</v>
      </c>
      <c r="J16" s="19">
        <v>7519</v>
      </c>
      <c r="K16" s="19">
        <v>7312</v>
      </c>
    </row>
    <row r="17" spans="1:11" ht="20.100000000000001" customHeight="1">
      <c r="A17" s="20" t="s">
        <v>31</v>
      </c>
      <c r="B17" s="20"/>
      <c r="C17" s="13">
        <v>57733</v>
      </c>
      <c r="D17" s="14">
        <v>29461</v>
      </c>
      <c r="E17" s="14">
        <v>28272</v>
      </c>
      <c r="F17" s="14"/>
      <c r="G17" s="18" t="s">
        <v>32</v>
      </c>
      <c r="H17" s="17"/>
      <c r="I17" s="13">
        <v>70969</v>
      </c>
      <c r="J17" s="14">
        <v>35542</v>
      </c>
      <c r="K17" s="14">
        <v>35427</v>
      </c>
    </row>
    <row r="18" spans="1:11" ht="15" customHeight="1">
      <c r="A18" s="17" t="s">
        <v>33</v>
      </c>
      <c r="B18" s="17"/>
      <c r="C18" s="13">
        <v>11367</v>
      </c>
      <c r="D18" s="19">
        <v>5738</v>
      </c>
      <c r="E18" s="19">
        <v>5629</v>
      </c>
      <c r="F18" s="19"/>
      <c r="G18" s="18" t="s">
        <v>34</v>
      </c>
      <c r="H18" s="17"/>
      <c r="I18" s="13">
        <v>14467</v>
      </c>
      <c r="J18" s="19">
        <v>7336</v>
      </c>
      <c r="K18" s="19">
        <v>7131</v>
      </c>
    </row>
    <row r="19" spans="1:11" ht="15" customHeight="1">
      <c r="A19" s="17" t="s">
        <v>35</v>
      </c>
      <c r="B19" s="17"/>
      <c r="C19" s="13">
        <v>11620</v>
      </c>
      <c r="D19" s="19">
        <v>5965</v>
      </c>
      <c r="E19" s="19">
        <v>5655</v>
      </c>
      <c r="F19" s="19"/>
      <c r="G19" s="18" t="s">
        <v>36</v>
      </c>
      <c r="H19" s="17"/>
      <c r="I19" s="13">
        <v>14688</v>
      </c>
      <c r="J19" s="19">
        <v>7390</v>
      </c>
      <c r="K19" s="19">
        <v>7298</v>
      </c>
    </row>
    <row r="20" spans="1:11" ht="15" customHeight="1">
      <c r="A20" s="17" t="s">
        <v>37</v>
      </c>
      <c r="B20" s="17"/>
      <c r="C20" s="13">
        <v>11693</v>
      </c>
      <c r="D20" s="19">
        <v>5995</v>
      </c>
      <c r="E20" s="19">
        <v>5698</v>
      </c>
      <c r="F20" s="19"/>
      <c r="G20" s="18" t="s">
        <v>38</v>
      </c>
      <c r="H20" s="17"/>
      <c r="I20" s="13">
        <v>13350</v>
      </c>
      <c r="J20" s="19">
        <v>6656</v>
      </c>
      <c r="K20" s="19">
        <v>6694</v>
      </c>
    </row>
    <row r="21" spans="1:11" ht="15" customHeight="1">
      <c r="A21" s="17" t="s">
        <v>39</v>
      </c>
      <c r="B21" s="17"/>
      <c r="C21" s="13">
        <v>11593</v>
      </c>
      <c r="D21" s="19">
        <v>5977</v>
      </c>
      <c r="E21" s="19">
        <v>5616</v>
      </c>
      <c r="F21" s="19"/>
      <c r="G21" s="18" t="s">
        <v>40</v>
      </c>
      <c r="H21" s="17"/>
      <c r="I21" s="13">
        <v>13850</v>
      </c>
      <c r="J21" s="19">
        <v>6887</v>
      </c>
      <c r="K21" s="19">
        <v>6963</v>
      </c>
    </row>
    <row r="22" spans="1:11" ht="15" customHeight="1">
      <c r="A22" s="17" t="s">
        <v>41</v>
      </c>
      <c r="B22" s="17"/>
      <c r="C22" s="13">
        <v>11460</v>
      </c>
      <c r="D22" s="19">
        <v>5786</v>
      </c>
      <c r="E22" s="19">
        <v>5674</v>
      </c>
      <c r="F22" s="19"/>
      <c r="G22" s="18" t="s">
        <v>42</v>
      </c>
      <c r="H22" s="17"/>
      <c r="I22" s="13">
        <v>14614</v>
      </c>
      <c r="J22" s="19">
        <v>7273</v>
      </c>
      <c r="K22" s="19">
        <v>7341</v>
      </c>
    </row>
    <row r="23" spans="1:11" ht="20.100000000000001" customHeight="1">
      <c r="A23" s="17" t="s">
        <v>43</v>
      </c>
      <c r="B23" s="17"/>
      <c r="C23" s="13">
        <v>61801</v>
      </c>
      <c r="D23" s="14">
        <v>31479</v>
      </c>
      <c r="E23" s="14">
        <v>30322</v>
      </c>
      <c r="F23" s="14"/>
      <c r="G23" s="18" t="s">
        <v>44</v>
      </c>
      <c r="H23" s="17"/>
      <c r="I23" s="13">
        <v>82037</v>
      </c>
      <c r="J23" s="14">
        <v>39620</v>
      </c>
      <c r="K23" s="14">
        <v>42417</v>
      </c>
    </row>
    <row r="24" spans="1:11" ht="15" customHeight="1">
      <c r="A24" s="17" t="s">
        <v>45</v>
      </c>
      <c r="B24" s="17"/>
      <c r="C24" s="13">
        <v>11910</v>
      </c>
      <c r="D24" s="19">
        <v>5963</v>
      </c>
      <c r="E24" s="19">
        <v>5947</v>
      </c>
      <c r="F24" s="19"/>
      <c r="G24" s="18" t="s">
        <v>46</v>
      </c>
      <c r="H24" s="17"/>
      <c r="I24" s="13">
        <v>14536</v>
      </c>
      <c r="J24" s="19">
        <v>7251</v>
      </c>
      <c r="K24" s="19">
        <v>7285</v>
      </c>
    </row>
    <row r="25" spans="1:11" ht="15" customHeight="1">
      <c r="A25" s="17" t="s">
        <v>47</v>
      </c>
      <c r="B25" s="17"/>
      <c r="C25" s="13">
        <v>12185</v>
      </c>
      <c r="D25" s="19">
        <v>6205</v>
      </c>
      <c r="E25" s="19">
        <v>5980</v>
      </c>
      <c r="F25" s="19"/>
      <c r="G25" s="18" t="s">
        <v>48</v>
      </c>
      <c r="H25" s="17"/>
      <c r="I25" s="13">
        <v>15009</v>
      </c>
      <c r="J25" s="19">
        <v>7229</v>
      </c>
      <c r="K25" s="19">
        <v>7780</v>
      </c>
    </row>
    <row r="26" spans="1:11" ht="15" customHeight="1">
      <c r="A26" s="17" t="s">
        <v>49</v>
      </c>
      <c r="B26" s="17"/>
      <c r="C26" s="13">
        <v>11885</v>
      </c>
      <c r="D26" s="19">
        <v>6032</v>
      </c>
      <c r="E26" s="19">
        <v>5853</v>
      </c>
      <c r="F26" s="19"/>
      <c r="G26" s="18" t="s">
        <v>50</v>
      </c>
      <c r="H26" s="17"/>
      <c r="I26" s="13">
        <v>16364</v>
      </c>
      <c r="J26" s="19">
        <v>7854</v>
      </c>
      <c r="K26" s="19">
        <v>8510</v>
      </c>
    </row>
    <row r="27" spans="1:11" ht="15" customHeight="1">
      <c r="A27" s="17" t="s">
        <v>51</v>
      </c>
      <c r="B27" s="17"/>
      <c r="C27" s="13">
        <v>12524</v>
      </c>
      <c r="D27" s="19">
        <v>6401</v>
      </c>
      <c r="E27" s="19">
        <v>6123</v>
      </c>
      <c r="F27" s="19"/>
      <c r="G27" s="18" t="s">
        <v>52</v>
      </c>
      <c r="H27" s="17"/>
      <c r="I27" s="13">
        <v>17413</v>
      </c>
      <c r="J27" s="19">
        <v>8255</v>
      </c>
      <c r="K27" s="19">
        <v>9158</v>
      </c>
    </row>
    <row r="28" spans="1:11" ht="15" customHeight="1">
      <c r="A28" s="17" t="s">
        <v>53</v>
      </c>
      <c r="B28" s="17"/>
      <c r="C28" s="13">
        <v>13297</v>
      </c>
      <c r="D28" s="19">
        <v>6878</v>
      </c>
      <c r="E28" s="19">
        <v>6419</v>
      </c>
      <c r="F28" s="19"/>
      <c r="G28" s="18" t="s">
        <v>54</v>
      </c>
      <c r="H28" s="17"/>
      <c r="I28" s="13">
        <v>18715</v>
      </c>
      <c r="J28" s="19">
        <v>9031</v>
      </c>
      <c r="K28" s="19">
        <v>9684</v>
      </c>
    </row>
    <row r="29" spans="1:11" ht="20.100000000000001" customHeight="1">
      <c r="A29" s="17" t="s">
        <v>55</v>
      </c>
      <c r="B29" s="17"/>
      <c r="C29" s="13">
        <v>68498</v>
      </c>
      <c r="D29" s="14">
        <v>36577</v>
      </c>
      <c r="E29" s="14">
        <v>31921</v>
      </c>
      <c r="F29" s="14"/>
      <c r="G29" s="18" t="s">
        <v>56</v>
      </c>
      <c r="H29" s="17"/>
      <c r="I29" s="13">
        <v>90647</v>
      </c>
      <c r="J29" s="14">
        <v>42653</v>
      </c>
      <c r="K29" s="14">
        <v>47994</v>
      </c>
    </row>
    <row r="30" spans="1:11" ht="15" customHeight="1">
      <c r="A30" s="17" t="s">
        <v>57</v>
      </c>
      <c r="B30" s="17"/>
      <c r="C30" s="13">
        <v>13002</v>
      </c>
      <c r="D30" s="19">
        <v>6704</v>
      </c>
      <c r="E30" s="19">
        <v>6298</v>
      </c>
      <c r="F30" s="19"/>
      <c r="G30" s="18" t="s">
        <v>58</v>
      </c>
      <c r="H30" s="17"/>
      <c r="I30" s="13">
        <v>21509</v>
      </c>
      <c r="J30" s="19">
        <v>10105</v>
      </c>
      <c r="K30" s="19">
        <v>11404</v>
      </c>
    </row>
    <row r="31" spans="1:11" ht="15" customHeight="1">
      <c r="A31" s="17" t="s">
        <v>59</v>
      </c>
      <c r="B31" s="17"/>
      <c r="C31" s="13">
        <v>13218</v>
      </c>
      <c r="D31" s="19">
        <v>7051</v>
      </c>
      <c r="E31" s="19">
        <v>6167</v>
      </c>
      <c r="F31" s="19"/>
      <c r="G31" s="18" t="s">
        <v>60</v>
      </c>
      <c r="H31" s="17"/>
      <c r="I31" s="13">
        <v>20899</v>
      </c>
      <c r="J31" s="19">
        <v>9836</v>
      </c>
      <c r="K31" s="19">
        <v>11063</v>
      </c>
    </row>
    <row r="32" spans="1:11" ht="15" customHeight="1">
      <c r="A32" s="17" t="s">
        <v>61</v>
      </c>
      <c r="B32" s="17"/>
      <c r="C32" s="13">
        <v>13659</v>
      </c>
      <c r="D32" s="19">
        <v>7198</v>
      </c>
      <c r="E32" s="19">
        <v>6461</v>
      </c>
      <c r="F32" s="19"/>
      <c r="G32" s="18" t="s">
        <v>62</v>
      </c>
      <c r="H32" s="17"/>
      <c r="I32" s="13">
        <v>20590</v>
      </c>
      <c r="J32" s="19">
        <v>9644</v>
      </c>
      <c r="K32" s="19">
        <v>10946</v>
      </c>
    </row>
    <row r="33" spans="1:11" ht="15" customHeight="1">
      <c r="A33" s="17" t="s">
        <v>63</v>
      </c>
      <c r="B33" s="17"/>
      <c r="C33" s="13">
        <v>14613</v>
      </c>
      <c r="D33" s="19">
        <v>8013</v>
      </c>
      <c r="E33" s="19">
        <v>6600</v>
      </c>
      <c r="F33" s="19"/>
      <c r="G33" s="18" t="s">
        <v>64</v>
      </c>
      <c r="H33" s="17"/>
      <c r="I33" s="13">
        <v>14679</v>
      </c>
      <c r="J33" s="19">
        <v>6910</v>
      </c>
      <c r="K33" s="19">
        <v>7769</v>
      </c>
    </row>
    <row r="34" spans="1:11" ht="15" customHeight="1">
      <c r="A34" s="17" t="s">
        <v>65</v>
      </c>
      <c r="B34" s="17"/>
      <c r="C34" s="13">
        <v>14006</v>
      </c>
      <c r="D34" s="19">
        <v>7611</v>
      </c>
      <c r="E34" s="19">
        <v>6395</v>
      </c>
      <c r="F34" s="19"/>
      <c r="G34" s="18" t="s">
        <v>66</v>
      </c>
      <c r="H34" s="17"/>
      <c r="I34" s="13">
        <v>12970</v>
      </c>
      <c r="J34" s="19">
        <v>6158</v>
      </c>
      <c r="K34" s="19">
        <v>6812</v>
      </c>
    </row>
    <row r="35" spans="1:11" ht="20.100000000000001" customHeight="1">
      <c r="A35" s="17" t="s">
        <v>67</v>
      </c>
      <c r="B35" s="17"/>
      <c r="C35" s="13">
        <v>63186</v>
      </c>
      <c r="D35" s="14">
        <v>33820</v>
      </c>
      <c r="E35" s="14">
        <v>29366</v>
      </c>
      <c r="F35" s="14"/>
      <c r="G35" s="18" t="s">
        <v>68</v>
      </c>
      <c r="H35" s="17"/>
      <c r="I35" s="13">
        <v>76480</v>
      </c>
      <c r="J35" s="14">
        <v>35115</v>
      </c>
      <c r="K35" s="14">
        <v>41365</v>
      </c>
    </row>
    <row r="36" spans="1:11" ht="15" customHeight="1">
      <c r="A36" s="17" t="s">
        <v>69</v>
      </c>
      <c r="B36" s="17"/>
      <c r="C36" s="13">
        <v>14243</v>
      </c>
      <c r="D36" s="19">
        <v>7876</v>
      </c>
      <c r="E36" s="19">
        <v>6367</v>
      </c>
      <c r="F36" s="19"/>
      <c r="G36" s="18" t="s">
        <v>70</v>
      </c>
      <c r="H36" s="17"/>
      <c r="I36" s="13">
        <v>15666</v>
      </c>
      <c r="J36" s="19">
        <v>7315</v>
      </c>
      <c r="K36" s="19">
        <v>8351</v>
      </c>
    </row>
    <row r="37" spans="1:11" ht="15" customHeight="1">
      <c r="A37" s="17" t="s">
        <v>71</v>
      </c>
      <c r="B37" s="17"/>
      <c r="C37" s="13">
        <v>13204</v>
      </c>
      <c r="D37" s="19">
        <v>7191</v>
      </c>
      <c r="E37" s="19">
        <v>6013</v>
      </c>
      <c r="F37" s="19"/>
      <c r="G37" s="18" t="s">
        <v>72</v>
      </c>
      <c r="H37" s="17"/>
      <c r="I37" s="13">
        <v>16362</v>
      </c>
      <c r="J37" s="19">
        <v>7481</v>
      </c>
      <c r="K37" s="19">
        <v>8881</v>
      </c>
    </row>
    <row r="38" spans="1:11" ht="15" customHeight="1">
      <c r="A38" s="17" t="s">
        <v>73</v>
      </c>
      <c r="B38" s="17"/>
      <c r="C38" s="13">
        <v>11978</v>
      </c>
      <c r="D38" s="19">
        <v>6382</v>
      </c>
      <c r="E38" s="19">
        <v>5596</v>
      </c>
      <c r="F38" s="19"/>
      <c r="G38" s="18" t="s">
        <v>74</v>
      </c>
      <c r="H38" s="17"/>
      <c r="I38" s="13">
        <v>15537</v>
      </c>
      <c r="J38" s="19">
        <v>7156</v>
      </c>
      <c r="K38" s="19">
        <v>8381</v>
      </c>
    </row>
    <row r="39" spans="1:11" ht="15" customHeight="1">
      <c r="A39" s="17" t="s">
        <v>75</v>
      </c>
      <c r="B39" s="17"/>
      <c r="C39" s="13">
        <v>12052</v>
      </c>
      <c r="D39" s="19">
        <v>6304</v>
      </c>
      <c r="E39" s="19">
        <v>5748</v>
      </c>
      <c r="F39" s="19"/>
      <c r="G39" s="18" t="s">
        <v>76</v>
      </c>
      <c r="H39" s="17"/>
      <c r="I39" s="13">
        <v>15344</v>
      </c>
      <c r="J39" s="19">
        <v>6966</v>
      </c>
      <c r="K39" s="19">
        <v>8378</v>
      </c>
    </row>
    <row r="40" spans="1:11" ht="15" customHeight="1">
      <c r="A40" s="17" t="s">
        <v>77</v>
      </c>
      <c r="B40" s="17"/>
      <c r="C40" s="13">
        <v>11709</v>
      </c>
      <c r="D40" s="19">
        <v>6067</v>
      </c>
      <c r="E40" s="19">
        <v>5642</v>
      </c>
      <c r="F40" s="19"/>
      <c r="G40" s="18" t="s">
        <v>78</v>
      </c>
      <c r="H40" s="17"/>
      <c r="I40" s="13">
        <v>13571</v>
      </c>
      <c r="J40" s="19">
        <v>6197</v>
      </c>
      <c r="K40" s="19">
        <v>7374</v>
      </c>
    </row>
    <row r="41" spans="1:11" ht="20.100000000000001" customHeight="1">
      <c r="A41" s="17" t="s">
        <v>79</v>
      </c>
      <c r="B41" s="17"/>
      <c r="C41" s="13">
        <v>64912</v>
      </c>
      <c r="D41" s="14">
        <v>33539</v>
      </c>
      <c r="E41" s="14">
        <v>31373</v>
      </c>
      <c r="F41" s="14"/>
      <c r="G41" s="18" t="s">
        <v>80</v>
      </c>
      <c r="H41" s="17"/>
      <c r="I41" s="13">
        <v>51948</v>
      </c>
      <c r="J41" s="14">
        <v>22849</v>
      </c>
      <c r="K41" s="14">
        <v>29099</v>
      </c>
    </row>
    <row r="42" spans="1:11" ht="15" customHeight="1">
      <c r="A42" s="17" t="s">
        <v>81</v>
      </c>
      <c r="B42" s="17"/>
      <c r="C42" s="13">
        <v>12119</v>
      </c>
      <c r="D42" s="19">
        <v>6278</v>
      </c>
      <c r="E42" s="19">
        <v>5841</v>
      </c>
      <c r="F42" s="19"/>
      <c r="G42" s="18" t="s">
        <v>82</v>
      </c>
      <c r="H42" s="17"/>
      <c r="I42" s="13">
        <v>11132</v>
      </c>
      <c r="J42" s="19">
        <v>5128</v>
      </c>
      <c r="K42" s="19">
        <v>6004</v>
      </c>
    </row>
    <row r="43" spans="1:11" ht="15" customHeight="1">
      <c r="A43" s="17" t="s">
        <v>83</v>
      </c>
      <c r="B43" s="17"/>
      <c r="C43" s="13">
        <v>12595</v>
      </c>
      <c r="D43" s="19">
        <v>6494</v>
      </c>
      <c r="E43" s="19">
        <v>6101</v>
      </c>
      <c r="F43" s="19"/>
      <c r="G43" s="18" t="s">
        <v>84</v>
      </c>
      <c r="H43" s="17"/>
      <c r="I43" s="13">
        <v>10306</v>
      </c>
      <c r="J43" s="19">
        <v>4590</v>
      </c>
      <c r="K43" s="19">
        <v>5716</v>
      </c>
    </row>
    <row r="44" spans="1:11" ht="15" customHeight="1">
      <c r="A44" s="17" t="s">
        <v>85</v>
      </c>
      <c r="B44" s="17"/>
      <c r="C44" s="13">
        <v>12845</v>
      </c>
      <c r="D44" s="19">
        <v>6619</v>
      </c>
      <c r="E44" s="19">
        <v>6226</v>
      </c>
      <c r="F44" s="19"/>
      <c r="G44" s="18" t="s">
        <v>86</v>
      </c>
      <c r="H44" s="17"/>
      <c r="I44" s="13">
        <v>11224</v>
      </c>
      <c r="J44" s="19">
        <v>4985</v>
      </c>
      <c r="K44" s="19">
        <v>6239</v>
      </c>
    </row>
    <row r="45" spans="1:11" ht="15" customHeight="1">
      <c r="A45" s="17" t="s">
        <v>87</v>
      </c>
      <c r="B45" s="17"/>
      <c r="C45" s="13">
        <v>13319</v>
      </c>
      <c r="D45" s="19">
        <v>7048</v>
      </c>
      <c r="E45" s="19">
        <v>6271</v>
      </c>
      <c r="F45" s="19"/>
      <c r="G45" s="18" t="s">
        <v>88</v>
      </c>
      <c r="H45" s="17"/>
      <c r="I45" s="13">
        <v>9818</v>
      </c>
      <c r="J45" s="19">
        <v>4170</v>
      </c>
      <c r="K45" s="19">
        <v>5648</v>
      </c>
    </row>
    <row r="46" spans="1:11" ht="15" customHeight="1">
      <c r="A46" s="17" t="s">
        <v>89</v>
      </c>
      <c r="B46" s="17"/>
      <c r="C46" s="13">
        <v>14034</v>
      </c>
      <c r="D46" s="19">
        <v>7100</v>
      </c>
      <c r="E46" s="19">
        <v>6934</v>
      </c>
      <c r="F46" s="19"/>
      <c r="G46" s="18" t="s">
        <v>90</v>
      </c>
      <c r="H46" s="17"/>
      <c r="I46" s="13">
        <v>9468</v>
      </c>
      <c r="J46" s="19">
        <v>3976</v>
      </c>
      <c r="K46" s="19">
        <v>5492</v>
      </c>
    </row>
    <row r="47" spans="1:11" ht="20.100000000000001" customHeight="1">
      <c r="A47" s="17" t="s">
        <v>91</v>
      </c>
      <c r="B47" s="17"/>
      <c r="C47" s="13">
        <v>78271</v>
      </c>
      <c r="D47" s="14">
        <v>39963</v>
      </c>
      <c r="E47" s="14">
        <v>38308</v>
      </c>
      <c r="F47" s="14"/>
      <c r="G47" s="18" t="s">
        <v>92</v>
      </c>
      <c r="H47" s="17"/>
      <c r="I47" s="13">
        <v>31219</v>
      </c>
      <c r="J47" s="14">
        <v>11677</v>
      </c>
      <c r="K47" s="14">
        <v>19542</v>
      </c>
    </row>
    <row r="48" spans="1:11" ht="15" customHeight="1">
      <c r="A48" s="17" t="s">
        <v>93</v>
      </c>
      <c r="B48" s="17"/>
      <c r="C48" s="13">
        <v>14658</v>
      </c>
      <c r="D48" s="19">
        <v>7418</v>
      </c>
      <c r="E48" s="19">
        <v>7240</v>
      </c>
      <c r="F48" s="19"/>
      <c r="G48" s="18" t="s">
        <v>94</v>
      </c>
      <c r="H48" s="17"/>
      <c r="I48" s="13">
        <v>7626</v>
      </c>
      <c r="J48" s="19">
        <v>3066</v>
      </c>
      <c r="K48" s="19">
        <v>4560</v>
      </c>
    </row>
    <row r="49" spans="1:11" ht="15" customHeight="1">
      <c r="A49" s="17" t="s">
        <v>95</v>
      </c>
      <c r="B49" s="17"/>
      <c r="C49" s="13">
        <v>15443</v>
      </c>
      <c r="D49" s="19">
        <v>7925</v>
      </c>
      <c r="E49" s="19">
        <v>7518</v>
      </c>
      <c r="F49" s="19"/>
      <c r="G49" s="18" t="s">
        <v>96</v>
      </c>
      <c r="H49" s="17"/>
      <c r="I49" s="13">
        <v>6967</v>
      </c>
      <c r="J49" s="19">
        <v>2731</v>
      </c>
      <c r="K49" s="19">
        <v>4236</v>
      </c>
    </row>
    <row r="50" spans="1:11" ht="15" customHeight="1">
      <c r="A50" s="17" t="s">
        <v>97</v>
      </c>
      <c r="B50" s="17"/>
      <c r="C50" s="13">
        <v>15654</v>
      </c>
      <c r="D50" s="19">
        <v>8094</v>
      </c>
      <c r="E50" s="19">
        <v>7560</v>
      </c>
      <c r="F50" s="19"/>
      <c r="G50" s="18" t="s">
        <v>98</v>
      </c>
      <c r="H50" s="17"/>
      <c r="I50" s="13">
        <v>6261</v>
      </c>
      <c r="J50" s="19">
        <v>2353</v>
      </c>
      <c r="K50" s="19">
        <v>3908</v>
      </c>
    </row>
    <row r="51" spans="1:11" ht="15" customHeight="1">
      <c r="A51" s="17" t="s">
        <v>99</v>
      </c>
      <c r="B51" s="17"/>
      <c r="C51" s="13">
        <v>15967</v>
      </c>
      <c r="D51" s="19">
        <v>8053</v>
      </c>
      <c r="E51" s="19">
        <v>7914</v>
      </c>
      <c r="F51" s="19"/>
      <c r="G51" s="18" t="s">
        <v>100</v>
      </c>
      <c r="H51" s="17"/>
      <c r="I51" s="13">
        <v>5617</v>
      </c>
      <c r="J51" s="19">
        <v>1929</v>
      </c>
      <c r="K51" s="19">
        <v>3688</v>
      </c>
    </row>
    <row r="52" spans="1:11" ht="15" customHeight="1">
      <c r="A52" s="17" t="s">
        <v>101</v>
      </c>
      <c r="B52" s="17"/>
      <c r="C52" s="13">
        <v>16549</v>
      </c>
      <c r="D52" s="19">
        <v>8473</v>
      </c>
      <c r="E52" s="19">
        <v>8076</v>
      </c>
      <c r="F52" s="19"/>
      <c r="G52" s="18" t="s">
        <v>102</v>
      </c>
      <c r="H52" s="17"/>
      <c r="I52" s="13">
        <v>4748</v>
      </c>
      <c r="J52" s="19">
        <v>1598</v>
      </c>
      <c r="K52" s="19">
        <v>3150</v>
      </c>
    </row>
    <row r="53" spans="1:11" ht="20.100000000000001" customHeight="1">
      <c r="A53" s="17" t="s">
        <v>103</v>
      </c>
      <c r="B53" s="17"/>
      <c r="C53" s="13">
        <v>94199</v>
      </c>
      <c r="D53" s="14">
        <v>47976</v>
      </c>
      <c r="E53" s="14">
        <v>46223</v>
      </c>
      <c r="F53" s="14"/>
      <c r="G53" s="18" t="s">
        <v>104</v>
      </c>
      <c r="H53" s="17"/>
      <c r="I53" s="13">
        <v>14665</v>
      </c>
      <c r="J53" s="14">
        <v>4345</v>
      </c>
      <c r="K53" s="14">
        <v>10320</v>
      </c>
    </row>
    <row r="54" spans="1:11" ht="15" customHeight="1">
      <c r="A54" s="17" t="s">
        <v>105</v>
      </c>
      <c r="B54" s="17"/>
      <c r="C54" s="13">
        <v>17670</v>
      </c>
      <c r="D54" s="19">
        <v>9074</v>
      </c>
      <c r="E54" s="19">
        <v>8596</v>
      </c>
      <c r="F54" s="19"/>
      <c r="G54" s="18" t="s">
        <v>106</v>
      </c>
      <c r="H54" s="17"/>
      <c r="I54" s="13">
        <v>3949</v>
      </c>
      <c r="J54" s="19">
        <v>1316</v>
      </c>
      <c r="K54" s="19">
        <v>2633</v>
      </c>
    </row>
    <row r="55" spans="1:11" ht="15" customHeight="1">
      <c r="A55" s="17" t="s">
        <v>107</v>
      </c>
      <c r="B55" s="17"/>
      <c r="C55" s="13">
        <v>18236</v>
      </c>
      <c r="D55" s="19">
        <v>9256</v>
      </c>
      <c r="E55" s="19">
        <v>8980</v>
      </c>
      <c r="F55" s="19"/>
      <c r="G55" s="18" t="s">
        <v>108</v>
      </c>
      <c r="H55" s="17"/>
      <c r="I55" s="13">
        <v>3481</v>
      </c>
      <c r="J55" s="19">
        <v>1041</v>
      </c>
      <c r="K55" s="19">
        <v>2440</v>
      </c>
    </row>
    <row r="56" spans="1:11" ht="15" customHeight="1">
      <c r="A56" s="17" t="s">
        <v>109</v>
      </c>
      <c r="B56" s="17"/>
      <c r="C56" s="13">
        <v>18712</v>
      </c>
      <c r="D56" s="19">
        <v>9590</v>
      </c>
      <c r="E56" s="19">
        <v>9122</v>
      </c>
      <c r="F56" s="19"/>
      <c r="G56" s="18" t="s">
        <v>110</v>
      </c>
      <c r="H56" s="17"/>
      <c r="I56" s="13">
        <v>2821</v>
      </c>
      <c r="J56" s="19">
        <v>841</v>
      </c>
      <c r="K56" s="19">
        <v>1980</v>
      </c>
    </row>
    <row r="57" spans="1:11" ht="15" customHeight="1">
      <c r="A57" s="17" t="s">
        <v>111</v>
      </c>
      <c r="B57" s="17"/>
      <c r="C57" s="13">
        <v>19393</v>
      </c>
      <c r="D57" s="19">
        <v>9939</v>
      </c>
      <c r="E57" s="19">
        <v>9454</v>
      </c>
      <c r="F57" s="19"/>
      <c r="G57" s="18" t="s">
        <v>112</v>
      </c>
      <c r="H57" s="17"/>
      <c r="I57" s="13">
        <v>2383</v>
      </c>
      <c r="J57" s="19">
        <v>665</v>
      </c>
      <c r="K57" s="19">
        <v>1718</v>
      </c>
    </row>
    <row r="58" spans="1:11" ht="15" customHeight="1">
      <c r="A58" s="17" t="s">
        <v>113</v>
      </c>
      <c r="B58" s="17"/>
      <c r="C58" s="13">
        <v>20188</v>
      </c>
      <c r="D58" s="19">
        <v>10117</v>
      </c>
      <c r="E58" s="19">
        <v>10071</v>
      </c>
      <c r="F58" s="19"/>
      <c r="G58" s="18" t="s">
        <v>114</v>
      </c>
      <c r="H58" s="17"/>
      <c r="I58" s="13">
        <v>2031</v>
      </c>
      <c r="J58" s="19">
        <v>482</v>
      </c>
      <c r="K58" s="19">
        <v>1549</v>
      </c>
    </row>
    <row r="59" spans="1:11" ht="20.100000000000001" customHeight="1">
      <c r="A59" s="17" t="s">
        <v>115</v>
      </c>
      <c r="B59" s="17"/>
      <c r="C59" s="13">
        <v>110439</v>
      </c>
      <c r="D59" s="14">
        <v>56385</v>
      </c>
      <c r="E59" s="14">
        <v>54054</v>
      </c>
      <c r="F59" s="14"/>
      <c r="G59" s="18" t="s">
        <v>116</v>
      </c>
      <c r="H59" s="17"/>
      <c r="I59" s="13">
        <v>4260</v>
      </c>
      <c r="J59" s="14">
        <v>869</v>
      </c>
      <c r="K59" s="14">
        <v>3391</v>
      </c>
    </row>
    <row r="60" spans="1:11" ht="15" customHeight="1">
      <c r="A60" s="17" t="s">
        <v>117</v>
      </c>
      <c r="B60" s="17"/>
      <c r="C60" s="13">
        <v>21878</v>
      </c>
      <c r="D60" s="19">
        <v>11189</v>
      </c>
      <c r="E60" s="19">
        <v>10689</v>
      </c>
      <c r="F60" s="19"/>
      <c r="G60" s="18" t="s">
        <v>118</v>
      </c>
      <c r="H60" s="17"/>
      <c r="I60" s="13">
        <v>1437</v>
      </c>
      <c r="J60" s="19">
        <v>322</v>
      </c>
      <c r="K60" s="19">
        <v>1115</v>
      </c>
    </row>
    <row r="61" spans="1:11" ht="15" customHeight="1">
      <c r="A61" s="17" t="s">
        <v>119</v>
      </c>
      <c r="B61" s="17"/>
      <c r="C61" s="13">
        <v>22664</v>
      </c>
      <c r="D61" s="19">
        <v>11493</v>
      </c>
      <c r="E61" s="19">
        <v>11171</v>
      </c>
      <c r="F61" s="19"/>
      <c r="G61" s="18" t="s">
        <v>120</v>
      </c>
      <c r="H61" s="17"/>
      <c r="I61" s="13">
        <v>1093</v>
      </c>
      <c r="J61" s="19">
        <v>245</v>
      </c>
      <c r="K61" s="19">
        <v>848</v>
      </c>
    </row>
    <row r="62" spans="1:11" ht="15" customHeight="1">
      <c r="A62" s="17" t="s">
        <v>121</v>
      </c>
      <c r="B62" s="17"/>
      <c r="C62" s="13">
        <v>22178</v>
      </c>
      <c r="D62" s="19">
        <v>11328</v>
      </c>
      <c r="E62" s="19">
        <v>10850</v>
      </c>
      <c r="F62" s="19"/>
      <c r="G62" s="18" t="s">
        <v>122</v>
      </c>
      <c r="H62" s="17"/>
      <c r="I62" s="13">
        <v>779</v>
      </c>
      <c r="J62" s="19">
        <v>154</v>
      </c>
      <c r="K62" s="19">
        <v>625</v>
      </c>
    </row>
    <row r="63" spans="1:11" ht="15" customHeight="1">
      <c r="A63" s="17" t="s">
        <v>123</v>
      </c>
      <c r="B63" s="17"/>
      <c r="C63" s="13">
        <v>22121</v>
      </c>
      <c r="D63" s="19">
        <v>11337</v>
      </c>
      <c r="E63" s="19">
        <v>10784</v>
      </c>
      <c r="F63" s="19"/>
      <c r="G63" s="18" t="s">
        <v>124</v>
      </c>
      <c r="H63" s="17"/>
      <c r="I63" s="13">
        <v>504</v>
      </c>
      <c r="J63" s="19">
        <v>82</v>
      </c>
      <c r="K63" s="19">
        <v>422</v>
      </c>
    </row>
    <row r="64" spans="1:11" ht="15" customHeight="1">
      <c r="A64" s="17" t="s">
        <v>125</v>
      </c>
      <c r="B64" s="17"/>
      <c r="C64" s="13">
        <v>21598</v>
      </c>
      <c r="D64" s="19">
        <v>11038</v>
      </c>
      <c r="E64" s="19">
        <v>10560</v>
      </c>
      <c r="F64" s="19"/>
      <c r="G64" s="18" t="s">
        <v>126</v>
      </c>
      <c r="H64" s="17"/>
      <c r="I64" s="13">
        <v>447</v>
      </c>
      <c r="J64" s="19">
        <v>66</v>
      </c>
      <c r="K64" s="19">
        <v>38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72</v>
      </c>
      <c r="J65" s="19">
        <v>127</v>
      </c>
      <c r="K65" s="19">
        <v>64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670</v>
      </c>
      <c r="J66" s="29">
        <v>3858</v>
      </c>
      <c r="K66" s="29">
        <v>181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7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57713</v>
      </c>
      <c r="D4" s="14">
        <v>128993</v>
      </c>
      <c r="E4" s="14">
        <v>12872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944</v>
      </c>
      <c r="D5" s="14">
        <v>4495</v>
      </c>
      <c r="E5" s="14">
        <v>4449</v>
      </c>
      <c r="F5" s="14"/>
      <c r="G5" s="18" t="s">
        <v>8</v>
      </c>
      <c r="H5" s="17"/>
      <c r="I5" s="13">
        <v>18949</v>
      </c>
      <c r="J5" s="14">
        <v>9920</v>
      </c>
      <c r="K5" s="14">
        <v>9029</v>
      </c>
    </row>
    <row r="6" spans="1:11" ht="15" customHeight="1">
      <c r="A6" s="17" t="s">
        <v>9</v>
      </c>
      <c r="B6" s="17"/>
      <c r="C6" s="13">
        <v>1637</v>
      </c>
      <c r="D6" s="19">
        <v>814</v>
      </c>
      <c r="E6" s="19">
        <v>823</v>
      </c>
      <c r="F6" s="19"/>
      <c r="G6" s="18" t="s">
        <v>10</v>
      </c>
      <c r="H6" s="17"/>
      <c r="I6" s="13">
        <v>4075</v>
      </c>
      <c r="J6" s="19">
        <v>2080</v>
      </c>
      <c r="K6" s="19">
        <v>1995</v>
      </c>
    </row>
    <row r="7" spans="1:11" ht="15" customHeight="1">
      <c r="A7" s="17" t="s">
        <v>11</v>
      </c>
      <c r="B7" s="17"/>
      <c r="C7" s="13">
        <v>1710</v>
      </c>
      <c r="D7" s="19">
        <v>854</v>
      </c>
      <c r="E7" s="19">
        <v>856</v>
      </c>
      <c r="F7" s="19"/>
      <c r="G7" s="18" t="s">
        <v>12</v>
      </c>
      <c r="H7" s="17"/>
      <c r="I7" s="13">
        <v>3986</v>
      </c>
      <c r="J7" s="19">
        <v>2093</v>
      </c>
      <c r="K7" s="19">
        <v>1893</v>
      </c>
    </row>
    <row r="8" spans="1:11" ht="15" customHeight="1">
      <c r="A8" s="17" t="s">
        <v>13</v>
      </c>
      <c r="B8" s="17"/>
      <c r="C8" s="13">
        <v>1870</v>
      </c>
      <c r="D8" s="19">
        <v>948</v>
      </c>
      <c r="E8" s="19">
        <v>922</v>
      </c>
      <c r="F8" s="19"/>
      <c r="G8" s="18" t="s">
        <v>14</v>
      </c>
      <c r="H8" s="17"/>
      <c r="I8" s="13">
        <v>4221</v>
      </c>
      <c r="J8" s="19">
        <v>2224</v>
      </c>
      <c r="K8" s="19">
        <v>1997</v>
      </c>
    </row>
    <row r="9" spans="1:11" ht="15" customHeight="1">
      <c r="A9" s="17" t="s">
        <v>15</v>
      </c>
      <c r="B9" s="17"/>
      <c r="C9" s="13">
        <v>1955</v>
      </c>
      <c r="D9" s="19">
        <v>1016</v>
      </c>
      <c r="E9" s="19">
        <v>939</v>
      </c>
      <c r="F9" s="19"/>
      <c r="G9" s="18" t="s">
        <v>16</v>
      </c>
      <c r="H9" s="17"/>
      <c r="I9" s="13">
        <v>2957</v>
      </c>
      <c r="J9" s="19">
        <v>1581</v>
      </c>
      <c r="K9" s="19">
        <v>1376</v>
      </c>
    </row>
    <row r="10" spans="1:11" ht="15" customHeight="1">
      <c r="A10" s="17" t="s">
        <v>17</v>
      </c>
      <c r="B10" s="17"/>
      <c r="C10" s="13">
        <v>1772</v>
      </c>
      <c r="D10" s="19">
        <v>863</v>
      </c>
      <c r="E10" s="19">
        <v>909</v>
      </c>
      <c r="F10" s="19"/>
      <c r="G10" s="18" t="s">
        <v>18</v>
      </c>
      <c r="H10" s="17"/>
      <c r="I10" s="13">
        <v>3710</v>
      </c>
      <c r="J10" s="19">
        <v>1942</v>
      </c>
      <c r="K10" s="19">
        <v>1768</v>
      </c>
    </row>
    <row r="11" spans="1:11" ht="20.100000000000001" customHeight="1">
      <c r="A11" s="17" t="s">
        <v>19</v>
      </c>
      <c r="B11" s="17"/>
      <c r="C11" s="13">
        <v>9691</v>
      </c>
      <c r="D11" s="14">
        <v>4981</v>
      </c>
      <c r="E11" s="14">
        <v>4710</v>
      </c>
      <c r="F11" s="14"/>
      <c r="G11" s="18" t="s">
        <v>20</v>
      </c>
      <c r="H11" s="17"/>
      <c r="I11" s="13">
        <v>15822</v>
      </c>
      <c r="J11" s="14">
        <v>8144</v>
      </c>
      <c r="K11" s="14">
        <v>7678</v>
      </c>
    </row>
    <row r="12" spans="1:11" ht="15" customHeight="1">
      <c r="A12" s="17" t="s">
        <v>21</v>
      </c>
      <c r="B12" s="17"/>
      <c r="C12" s="13">
        <v>1852</v>
      </c>
      <c r="D12" s="19">
        <v>997</v>
      </c>
      <c r="E12" s="19">
        <v>855</v>
      </c>
      <c r="F12" s="19"/>
      <c r="G12" s="18" t="s">
        <v>22</v>
      </c>
      <c r="H12" s="17"/>
      <c r="I12" s="13">
        <v>3421</v>
      </c>
      <c r="J12" s="19">
        <v>1782</v>
      </c>
      <c r="K12" s="19">
        <v>1639</v>
      </c>
    </row>
    <row r="13" spans="1:11" ht="15" customHeight="1">
      <c r="A13" s="17" t="s">
        <v>23</v>
      </c>
      <c r="B13" s="17"/>
      <c r="C13" s="13">
        <v>1896</v>
      </c>
      <c r="D13" s="19">
        <v>960</v>
      </c>
      <c r="E13" s="19">
        <v>936</v>
      </c>
      <c r="F13" s="19"/>
      <c r="G13" s="18" t="s">
        <v>24</v>
      </c>
      <c r="H13" s="17"/>
      <c r="I13" s="13">
        <v>3295</v>
      </c>
      <c r="J13" s="19">
        <v>1687</v>
      </c>
      <c r="K13" s="19">
        <v>1608</v>
      </c>
    </row>
    <row r="14" spans="1:11" ht="15" customHeight="1">
      <c r="A14" s="17" t="s">
        <v>25</v>
      </c>
      <c r="B14" s="17"/>
      <c r="C14" s="13">
        <v>1941</v>
      </c>
      <c r="D14" s="19">
        <v>1011</v>
      </c>
      <c r="E14" s="19">
        <v>930</v>
      </c>
      <c r="F14" s="19"/>
      <c r="G14" s="18" t="s">
        <v>26</v>
      </c>
      <c r="H14" s="17"/>
      <c r="I14" s="13">
        <v>3183</v>
      </c>
      <c r="J14" s="19">
        <v>1629</v>
      </c>
      <c r="K14" s="19">
        <v>1554</v>
      </c>
    </row>
    <row r="15" spans="1:11" ht="15" customHeight="1">
      <c r="A15" s="17" t="s">
        <v>27</v>
      </c>
      <c r="B15" s="17"/>
      <c r="C15" s="13">
        <v>1979</v>
      </c>
      <c r="D15" s="19">
        <v>992</v>
      </c>
      <c r="E15" s="19">
        <v>987</v>
      </c>
      <c r="F15" s="19"/>
      <c r="G15" s="18" t="s">
        <v>28</v>
      </c>
      <c r="H15" s="17"/>
      <c r="I15" s="13">
        <v>2971</v>
      </c>
      <c r="J15" s="19">
        <v>1518</v>
      </c>
      <c r="K15" s="19">
        <v>1453</v>
      </c>
    </row>
    <row r="16" spans="1:11" ht="15" customHeight="1">
      <c r="A16" s="17" t="s">
        <v>29</v>
      </c>
      <c r="B16" s="17"/>
      <c r="C16" s="13">
        <v>2023</v>
      </c>
      <c r="D16" s="19">
        <v>1021</v>
      </c>
      <c r="E16" s="19">
        <v>1002</v>
      </c>
      <c r="F16" s="19"/>
      <c r="G16" s="18" t="s">
        <v>30</v>
      </c>
      <c r="H16" s="17"/>
      <c r="I16" s="13">
        <v>2952</v>
      </c>
      <c r="J16" s="19">
        <v>1528</v>
      </c>
      <c r="K16" s="19">
        <v>1424</v>
      </c>
    </row>
    <row r="17" spans="1:11" ht="20.100000000000001" customHeight="1">
      <c r="A17" s="20" t="s">
        <v>31</v>
      </c>
      <c r="B17" s="20"/>
      <c r="C17" s="13">
        <v>11039</v>
      </c>
      <c r="D17" s="14">
        <v>5643</v>
      </c>
      <c r="E17" s="14">
        <v>5396</v>
      </c>
      <c r="F17" s="14"/>
      <c r="G17" s="18" t="s">
        <v>32</v>
      </c>
      <c r="H17" s="17"/>
      <c r="I17" s="13">
        <v>14677</v>
      </c>
      <c r="J17" s="14">
        <v>7431</v>
      </c>
      <c r="K17" s="14">
        <v>7246</v>
      </c>
    </row>
    <row r="18" spans="1:11" ht="15" customHeight="1">
      <c r="A18" s="17" t="s">
        <v>33</v>
      </c>
      <c r="B18" s="17"/>
      <c r="C18" s="13">
        <v>2169</v>
      </c>
      <c r="D18" s="19">
        <v>1093</v>
      </c>
      <c r="E18" s="19">
        <v>1076</v>
      </c>
      <c r="F18" s="19"/>
      <c r="G18" s="18" t="s">
        <v>34</v>
      </c>
      <c r="H18" s="17"/>
      <c r="I18" s="13">
        <v>2946</v>
      </c>
      <c r="J18" s="19">
        <v>1475</v>
      </c>
      <c r="K18" s="19">
        <v>1471</v>
      </c>
    </row>
    <row r="19" spans="1:11" ht="15" customHeight="1">
      <c r="A19" s="17" t="s">
        <v>35</v>
      </c>
      <c r="B19" s="17"/>
      <c r="C19" s="13">
        <v>2134</v>
      </c>
      <c r="D19" s="19">
        <v>1068</v>
      </c>
      <c r="E19" s="19">
        <v>1066</v>
      </c>
      <c r="F19" s="19"/>
      <c r="G19" s="18" t="s">
        <v>36</v>
      </c>
      <c r="H19" s="17"/>
      <c r="I19" s="13">
        <v>3021</v>
      </c>
      <c r="J19" s="19">
        <v>1529</v>
      </c>
      <c r="K19" s="19">
        <v>1492</v>
      </c>
    </row>
    <row r="20" spans="1:11" ht="15" customHeight="1">
      <c r="A20" s="17" t="s">
        <v>37</v>
      </c>
      <c r="B20" s="17"/>
      <c r="C20" s="13">
        <v>2214</v>
      </c>
      <c r="D20" s="19">
        <v>1159</v>
      </c>
      <c r="E20" s="19">
        <v>1055</v>
      </c>
      <c r="F20" s="19"/>
      <c r="G20" s="18" t="s">
        <v>38</v>
      </c>
      <c r="H20" s="17"/>
      <c r="I20" s="13">
        <v>2759</v>
      </c>
      <c r="J20" s="19">
        <v>1395</v>
      </c>
      <c r="K20" s="19">
        <v>1364</v>
      </c>
    </row>
    <row r="21" spans="1:11" ht="15" customHeight="1">
      <c r="A21" s="17" t="s">
        <v>39</v>
      </c>
      <c r="B21" s="17"/>
      <c r="C21" s="13">
        <v>2323</v>
      </c>
      <c r="D21" s="19">
        <v>1177</v>
      </c>
      <c r="E21" s="19">
        <v>1146</v>
      </c>
      <c r="F21" s="19"/>
      <c r="G21" s="18" t="s">
        <v>40</v>
      </c>
      <c r="H21" s="17"/>
      <c r="I21" s="13">
        <v>2867</v>
      </c>
      <c r="J21" s="19">
        <v>1462</v>
      </c>
      <c r="K21" s="19">
        <v>1405</v>
      </c>
    </row>
    <row r="22" spans="1:11" ht="15" customHeight="1">
      <c r="A22" s="17" t="s">
        <v>41</v>
      </c>
      <c r="B22" s="17"/>
      <c r="C22" s="13">
        <v>2199</v>
      </c>
      <c r="D22" s="19">
        <v>1146</v>
      </c>
      <c r="E22" s="19">
        <v>1053</v>
      </c>
      <c r="F22" s="19"/>
      <c r="G22" s="18" t="s">
        <v>42</v>
      </c>
      <c r="H22" s="17"/>
      <c r="I22" s="13">
        <v>3084</v>
      </c>
      <c r="J22" s="19">
        <v>1570</v>
      </c>
      <c r="K22" s="19">
        <v>1514</v>
      </c>
    </row>
    <row r="23" spans="1:11" ht="20.100000000000001" customHeight="1">
      <c r="A23" s="17" t="s">
        <v>43</v>
      </c>
      <c r="B23" s="17"/>
      <c r="C23" s="13">
        <v>12316</v>
      </c>
      <c r="D23" s="14">
        <v>6362</v>
      </c>
      <c r="E23" s="14">
        <v>5954</v>
      </c>
      <c r="F23" s="14"/>
      <c r="G23" s="18" t="s">
        <v>44</v>
      </c>
      <c r="H23" s="17"/>
      <c r="I23" s="13">
        <v>17255</v>
      </c>
      <c r="J23" s="14">
        <v>8503</v>
      </c>
      <c r="K23" s="14">
        <v>8752</v>
      </c>
    </row>
    <row r="24" spans="1:11" ht="15" customHeight="1">
      <c r="A24" s="17" t="s">
        <v>45</v>
      </c>
      <c r="B24" s="17"/>
      <c r="C24" s="13">
        <v>2331</v>
      </c>
      <c r="D24" s="19">
        <v>1173</v>
      </c>
      <c r="E24" s="19">
        <v>1158</v>
      </c>
      <c r="F24" s="19"/>
      <c r="G24" s="18" t="s">
        <v>46</v>
      </c>
      <c r="H24" s="17"/>
      <c r="I24" s="13">
        <v>3081</v>
      </c>
      <c r="J24" s="19">
        <v>1588</v>
      </c>
      <c r="K24" s="19">
        <v>1493</v>
      </c>
    </row>
    <row r="25" spans="1:11" ht="15" customHeight="1">
      <c r="A25" s="17" t="s">
        <v>47</v>
      </c>
      <c r="B25" s="17"/>
      <c r="C25" s="13">
        <v>2436</v>
      </c>
      <c r="D25" s="19">
        <v>1262</v>
      </c>
      <c r="E25" s="19">
        <v>1174</v>
      </c>
      <c r="F25" s="19"/>
      <c r="G25" s="18" t="s">
        <v>48</v>
      </c>
      <c r="H25" s="17"/>
      <c r="I25" s="13">
        <v>3196</v>
      </c>
      <c r="J25" s="19">
        <v>1560</v>
      </c>
      <c r="K25" s="19">
        <v>1636</v>
      </c>
    </row>
    <row r="26" spans="1:11" ht="15" customHeight="1">
      <c r="A26" s="17" t="s">
        <v>49</v>
      </c>
      <c r="B26" s="17"/>
      <c r="C26" s="13">
        <v>2289</v>
      </c>
      <c r="D26" s="19">
        <v>1169</v>
      </c>
      <c r="E26" s="19">
        <v>1120</v>
      </c>
      <c r="F26" s="19"/>
      <c r="G26" s="18" t="s">
        <v>50</v>
      </c>
      <c r="H26" s="17"/>
      <c r="I26" s="13">
        <v>3417</v>
      </c>
      <c r="J26" s="19">
        <v>1682</v>
      </c>
      <c r="K26" s="19">
        <v>1735</v>
      </c>
    </row>
    <row r="27" spans="1:11" ht="15" customHeight="1">
      <c r="A27" s="17" t="s">
        <v>51</v>
      </c>
      <c r="B27" s="17"/>
      <c r="C27" s="13">
        <v>2621</v>
      </c>
      <c r="D27" s="19">
        <v>1393</v>
      </c>
      <c r="E27" s="19">
        <v>1228</v>
      </c>
      <c r="F27" s="19"/>
      <c r="G27" s="18" t="s">
        <v>52</v>
      </c>
      <c r="H27" s="17"/>
      <c r="I27" s="13">
        <v>3611</v>
      </c>
      <c r="J27" s="19">
        <v>1700</v>
      </c>
      <c r="K27" s="19">
        <v>1911</v>
      </c>
    </row>
    <row r="28" spans="1:11" ht="15" customHeight="1">
      <c r="A28" s="17" t="s">
        <v>53</v>
      </c>
      <c r="B28" s="17"/>
      <c r="C28" s="13">
        <v>2639</v>
      </c>
      <c r="D28" s="19">
        <v>1365</v>
      </c>
      <c r="E28" s="19">
        <v>1274</v>
      </c>
      <c r="F28" s="19"/>
      <c r="G28" s="18" t="s">
        <v>54</v>
      </c>
      <c r="H28" s="17"/>
      <c r="I28" s="13">
        <v>3950</v>
      </c>
      <c r="J28" s="19">
        <v>1973</v>
      </c>
      <c r="K28" s="19">
        <v>1977</v>
      </c>
    </row>
    <row r="29" spans="1:11" ht="20.100000000000001" customHeight="1">
      <c r="A29" s="17" t="s">
        <v>55</v>
      </c>
      <c r="B29" s="17"/>
      <c r="C29" s="13">
        <v>13488</v>
      </c>
      <c r="D29" s="14">
        <v>7297</v>
      </c>
      <c r="E29" s="14">
        <v>6191</v>
      </c>
      <c r="F29" s="14"/>
      <c r="G29" s="18" t="s">
        <v>56</v>
      </c>
      <c r="H29" s="17"/>
      <c r="I29" s="13">
        <v>18281</v>
      </c>
      <c r="J29" s="14">
        <v>8708</v>
      </c>
      <c r="K29" s="14">
        <v>9573</v>
      </c>
    </row>
    <row r="30" spans="1:11" ht="15" customHeight="1">
      <c r="A30" s="17" t="s">
        <v>57</v>
      </c>
      <c r="B30" s="17"/>
      <c r="C30" s="13">
        <v>2647</v>
      </c>
      <c r="D30" s="19">
        <v>1337</v>
      </c>
      <c r="E30" s="19">
        <v>1310</v>
      </c>
      <c r="F30" s="19"/>
      <c r="G30" s="18" t="s">
        <v>58</v>
      </c>
      <c r="H30" s="17"/>
      <c r="I30" s="13">
        <v>4431</v>
      </c>
      <c r="J30" s="19">
        <v>2070</v>
      </c>
      <c r="K30" s="19">
        <v>2361</v>
      </c>
    </row>
    <row r="31" spans="1:11" ht="15" customHeight="1">
      <c r="A31" s="17" t="s">
        <v>59</v>
      </c>
      <c r="B31" s="17"/>
      <c r="C31" s="13">
        <v>2630</v>
      </c>
      <c r="D31" s="19">
        <v>1400</v>
      </c>
      <c r="E31" s="19">
        <v>1230</v>
      </c>
      <c r="F31" s="19"/>
      <c r="G31" s="18" t="s">
        <v>60</v>
      </c>
      <c r="H31" s="17"/>
      <c r="I31" s="13">
        <v>4171</v>
      </c>
      <c r="J31" s="19">
        <v>2033</v>
      </c>
      <c r="K31" s="19">
        <v>2138</v>
      </c>
    </row>
    <row r="32" spans="1:11" ht="15" customHeight="1">
      <c r="A32" s="17" t="s">
        <v>61</v>
      </c>
      <c r="B32" s="17"/>
      <c r="C32" s="13">
        <v>2525</v>
      </c>
      <c r="D32" s="19">
        <v>1321</v>
      </c>
      <c r="E32" s="19">
        <v>1204</v>
      </c>
      <c r="F32" s="19"/>
      <c r="G32" s="18" t="s">
        <v>62</v>
      </c>
      <c r="H32" s="17"/>
      <c r="I32" s="13">
        <v>4222</v>
      </c>
      <c r="J32" s="19">
        <v>2026</v>
      </c>
      <c r="K32" s="19">
        <v>2196</v>
      </c>
    </row>
    <row r="33" spans="1:11" ht="15" customHeight="1">
      <c r="A33" s="17" t="s">
        <v>63</v>
      </c>
      <c r="B33" s="17"/>
      <c r="C33" s="13">
        <v>2990</v>
      </c>
      <c r="D33" s="19">
        <v>1655</v>
      </c>
      <c r="E33" s="19">
        <v>1335</v>
      </c>
      <c r="F33" s="19"/>
      <c r="G33" s="18" t="s">
        <v>64</v>
      </c>
      <c r="H33" s="17"/>
      <c r="I33" s="13">
        <v>2955</v>
      </c>
      <c r="J33" s="19">
        <v>1399</v>
      </c>
      <c r="K33" s="19">
        <v>1556</v>
      </c>
    </row>
    <row r="34" spans="1:11" ht="15" customHeight="1">
      <c r="A34" s="17" t="s">
        <v>65</v>
      </c>
      <c r="B34" s="17"/>
      <c r="C34" s="13">
        <v>2696</v>
      </c>
      <c r="D34" s="19">
        <v>1584</v>
      </c>
      <c r="E34" s="19">
        <v>1112</v>
      </c>
      <c r="F34" s="19"/>
      <c r="G34" s="18" t="s">
        <v>66</v>
      </c>
      <c r="H34" s="17"/>
      <c r="I34" s="13">
        <v>2502</v>
      </c>
      <c r="J34" s="19">
        <v>1180</v>
      </c>
      <c r="K34" s="19">
        <v>1322</v>
      </c>
    </row>
    <row r="35" spans="1:11" ht="20.100000000000001" customHeight="1">
      <c r="A35" s="17" t="s">
        <v>67</v>
      </c>
      <c r="B35" s="17"/>
      <c r="C35" s="13">
        <v>12479</v>
      </c>
      <c r="D35" s="14">
        <v>6773</v>
      </c>
      <c r="E35" s="14">
        <v>5706</v>
      </c>
      <c r="F35" s="14"/>
      <c r="G35" s="18" t="s">
        <v>68</v>
      </c>
      <c r="H35" s="17"/>
      <c r="I35" s="13">
        <v>15562</v>
      </c>
      <c r="J35" s="14">
        <v>7122</v>
      </c>
      <c r="K35" s="14">
        <v>8440</v>
      </c>
    </row>
    <row r="36" spans="1:11" ht="15" customHeight="1">
      <c r="A36" s="17" t="s">
        <v>69</v>
      </c>
      <c r="B36" s="17"/>
      <c r="C36" s="13">
        <v>2836</v>
      </c>
      <c r="D36" s="19">
        <v>1641</v>
      </c>
      <c r="E36" s="19">
        <v>1195</v>
      </c>
      <c r="F36" s="19"/>
      <c r="G36" s="18" t="s">
        <v>70</v>
      </c>
      <c r="H36" s="17"/>
      <c r="I36" s="13">
        <v>3185</v>
      </c>
      <c r="J36" s="19">
        <v>1517</v>
      </c>
      <c r="K36" s="19">
        <v>1668</v>
      </c>
    </row>
    <row r="37" spans="1:11" ht="15" customHeight="1">
      <c r="A37" s="17" t="s">
        <v>71</v>
      </c>
      <c r="B37" s="17"/>
      <c r="C37" s="13">
        <v>2646</v>
      </c>
      <c r="D37" s="19">
        <v>1480</v>
      </c>
      <c r="E37" s="19">
        <v>1166</v>
      </c>
      <c r="F37" s="19"/>
      <c r="G37" s="18" t="s">
        <v>72</v>
      </c>
      <c r="H37" s="17"/>
      <c r="I37" s="13">
        <v>3351</v>
      </c>
      <c r="J37" s="19">
        <v>1548</v>
      </c>
      <c r="K37" s="19">
        <v>1803</v>
      </c>
    </row>
    <row r="38" spans="1:11" ht="15" customHeight="1">
      <c r="A38" s="17" t="s">
        <v>73</v>
      </c>
      <c r="B38" s="17"/>
      <c r="C38" s="13">
        <v>2372</v>
      </c>
      <c r="D38" s="19">
        <v>1251</v>
      </c>
      <c r="E38" s="19">
        <v>1121</v>
      </c>
      <c r="F38" s="19"/>
      <c r="G38" s="18" t="s">
        <v>74</v>
      </c>
      <c r="H38" s="17"/>
      <c r="I38" s="13">
        <v>3129</v>
      </c>
      <c r="J38" s="19">
        <v>1408</v>
      </c>
      <c r="K38" s="19">
        <v>1721</v>
      </c>
    </row>
    <row r="39" spans="1:11" ht="15" customHeight="1">
      <c r="A39" s="17" t="s">
        <v>75</v>
      </c>
      <c r="B39" s="17"/>
      <c r="C39" s="13">
        <v>2342</v>
      </c>
      <c r="D39" s="19">
        <v>1179</v>
      </c>
      <c r="E39" s="19">
        <v>1163</v>
      </c>
      <c r="F39" s="19"/>
      <c r="G39" s="18" t="s">
        <v>76</v>
      </c>
      <c r="H39" s="17"/>
      <c r="I39" s="13">
        <v>3131</v>
      </c>
      <c r="J39" s="19">
        <v>1409</v>
      </c>
      <c r="K39" s="19">
        <v>1722</v>
      </c>
    </row>
    <row r="40" spans="1:11" ht="15" customHeight="1">
      <c r="A40" s="17" t="s">
        <v>77</v>
      </c>
      <c r="B40" s="17"/>
      <c r="C40" s="13">
        <v>2283</v>
      </c>
      <c r="D40" s="19">
        <v>1222</v>
      </c>
      <c r="E40" s="19">
        <v>1061</v>
      </c>
      <c r="F40" s="19"/>
      <c r="G40" s="18" t="s">
        <v>78</v>
      </c>
      <c r="H40" s="17"/>
      <c r="I40" s="13">
        <v>2766</v>
      </c>
      <c r="J40" s="19">
        <v>1240</v>
      </c>
      <c r="K40" s="19">
        <v>1526</v>
      </c>
    </row>
    <row r="41" spans="1:11" ht="20.100000000000001" customHeight="1">
      <c r="A41" s="17" t="s">
        <v>79</v>
      </c>
      <c r="B41" s="17"/>
      <c r="C41" s="13">
        <v>12822</v>
      </c>
      <c r="D41" s="14">
        <v>6686</v>
      </c>
      <c r="E41" s="14">
        <v>6136</v>
      </c>
      <c r="F41" s="14"/>
      <c r="G41" s="18" t="s">
        <v>80</v>
      </c>
      <c r="H41" s="17"/>
      <c r="I41" s="13">
        <v>10212</v>
      </c>
      <c r="J41" s="14">
        <v>4515</v>
      </c>
      <c r="K41" s="14">
        <v>5697</v>
      </c>
    </row>
    <row r="42" spans="1:11" ht="15" customHeight="1">
      <c r="A42" s="17" t="s">
        <v>81</v>
      </c>
      <c r="B42" s="17"/>
      <c r="C42" s="13">
        <v>2378</v>
      </c>
      <c r="D42" s="19">
        <v>1197</v>
      </c>
      <c r="E42" s="19">
        <v>1181</v>
      </c>
      <c r="F42" s="19"/>
      <c r="G42" s="18" t="s">
        <v>82</v>
      </c>
      <c r="H42" s="17"/>
      <c r="I42" s="13">
        <v>2197</v>
      </c>
      <c r="J42" s="19">
        <v>1034</v>
      </c>
      <c r="K42" s="19">
        <v>1163</v>
      </c>
    </row>
    <row r="43" spans="1:11" ht="15" customHeight="1">
      <c r="A43" s="17" t="s">
        <v>83</v>
      </c>
      <c r="B43" s="17"/>
      <c r="C43" s="13">
        <v>2450</v>
      </c>
      <c r="D43" s="19">
        <v>1283</v>
      </c>
      <c r="E43" s="19">
        <v>1167</v>
      </c>
      <c r="F43" s="19"/>
      <c r="G43" s="18" t="s">
        <v>84</v>
      </c>
      <c r="H43" s="17"/>
      <c r="I43" s="13">
        <v>1875</v>
      </c>
      <c r="J43" s="19">
        <v>825</v>
      </c>
      <c r="K43" s="19">
        <v>1050</v>
      </c>
    </row>
    <row r="44" spans="1:11" ht="15" customHeight="1">
      <c r="A44" s="17" t="s">
        <v>85</v>
      </c>
      <c r="B44" s="17"/>
      <c r="C44" s="13">
        <v>2549</v>
      </c>
      <c r="D44" s="19">
        <v>1339</v>
      </c>
      <c r="E44" s="19">
        <v>1210</v>
      </c>
      <c r="F44" s="19"/>
      <c r="G44" s="18" t="s">
        <v>86</v>
      </c>
      <c r="H44" s="17"/>
      <c r="I44" s="13">
        <v>2298</v>
      </c>
      <c r="J44" s="19">
        <v>1037</v>
      </c>
      <c r="K44" s="19">
        <v>1261</v>
      </c>
    </row>
    <row r="45" spans="1:11" ht="15" customHeight="1">
      <c r="A45" s="17" t="s">
        <v>87</v>
      </c>
      <c r="B45" s="17"/>
      <c r="C45" s="13">
        <v>2671</v>
      </c>
      <c r="D45" s="19">
        <v>1432</v>
      </c>
      <c r="E45" s="19">
        <v>1239</v>
      </c>
      <c r="F45" s="19"/>
      <c r="G45" s="18" t="s">
        <v>88</v>
      </c>
      <c r="H45" s="17"/>
      <c r="I45" s="13">
        <v>1913</v>
      </c>
      <c r="J45" s="19">
        <v>799</v>
      </c>
      <c r="K45" s="19">
        <v>1114</v>
      </c>
    </row>
    <row r="46" spans="1:11" ht="15" customHeight="1">
      <c r="A46" s="17" t="s">
        <v>89</v>
      </c>
      <c r="B46" s="17"/>
      <c r="C46" s="13">
        <v>2774</v>
      </c>
      <c r="D46" s="19">
        <v>1435</v>
      </c>
      <c r="E46" s="19">
        <v>1339</v>
      </c>
      <c r="F46" s="19"/>
      <c r="G46" s="18" t="s">
        <v>90</v>
      </c>
      <c r="H46" s="17"/>
      <c r="I46" s="13">
        <v>1929</v>
      </c>
      <c r="J46" s="19">
        <v>820</v>
      </c>
      <c r="K46" s="19">
        <v>1109</v>
      </c>
    </row>
    <row r="47" spans="1:11" ht="20.100000000000001" customHeight="1">
      <c r="A47" s="17" t="s">
        <v>91</v>
      </c>
      <c r="B47" s="17"/>
      <c r="C47" s="13">
        <v>14679</v>
      </c>
      <c r="D47" s="14">
        <v>7656</v>
      </c>
      <c r="E47" s="14">
        <v>7023</v>
      </c>
      <c r="F47" s="14"/>
      <c r="G47" s="18" t="s">
        <v>92</v>
      </c>
      <c r="H47" s="17"/>
      <c r="I47" s="13">
        <v>6263</v>
      </c>
      <c r="J47" s="14">
        <v>2265</v>
      </c>
      <c r="K47" s="14">
        <v>3998</v>
      </c>
    </row>
    <row r="48" spans="1:11" ht="15" customHeight="1">
      <c r="A48" s="17" t="s">
        <v>93</v>
      </c>
      <c r="B48" s="17"/>
      <c r="C48" s="13">
        <v>2802</v>
      </c>
      <c r="D48" s="19">
        <v>1449</v>
      </c>
      <c r="E48" s="19">
        <v>1353</v>
      </c>
      <c r="F48" s="19"/>
      <c r="G48" s="18" t="s">
        <v>94</v>
      </c>
      <c r="H48" s="17"/>
      <c r="I48" s="13">
        <v>1523</v>
      </c>
      <c r="J48" s="19">
        <v>590</v>
      </c>
      <c r="K48" s="19">
        <v>933</v>
      </c>
    </row>
    <row r="49" spans="1:11" ht="15" customHeight="1">
      <c r="A49" s="17" t="s">
        <v>95</v>
      </c>
      <c r="B49" s="17"/>
      <c r="C49" s="13">
        <v>2921</v>
      </c>
      <c r="D49" s="19">
        <v>1529</v>
      </c>
      <c r="E49" s="19">
        <v>1392</v>
      </c>
      <c r="F49" s="19"/>
      <c r="G49" s="18" t="s">
        <v>96</v>
      </c>
      <c r="H49" s="17"/>
      <c r="I49" s="13">
        <v>1307</v>
      </c>
      <c r="J49" s="19">
        <v>476</v>
      </c>
      <c r="K49" s="19">
        <v>831</v>
      </c>
    </row>
    <row r="50" spans="1:11" ht="15" customHeight="1">
      <c r="A50" s="17" t="s">
        <v>97</v>
      </c>
      <c r="B50" s="17"/>
      <c r="C50" s="13">
        <v>2954</v>
      </c>
      <c r="D50" s="19">
        <v>1599</v>
      </c>
      <c r="E50" s="19">
        <v>1355</v>
      </c>
      <c r="F50" s="19"/>
      <c r="G50" s="18" t="s">
        <v>98</v>
      </c>
      <c r="H50" s="17"/>
      <c r="I50" s="13">
        <v>1298</v>
      </c>
      <c r="J50" s="19">
        <v>505</v>
      </c>
      <c r="K50" s="19">
        <v>793</v>
      </c>
    </row>
    <row r="51" spans="1:11" ht="15" customHeight="1">
      <c r="A51" s="17" t="s">
        <v>99</v>
      </c>
      <c r="B51" s="17"/>
      <c r="C51" s="13">
        <v>2936</v>
      </c>
      <c r="D51" s="19">
        <v>1450</v>
      </c>
      <c r="E51" s="19">
        <v>1486</v>
      </c>
      <c r="F51" s="19"/>
      <c r="G51" s="18" t="s">
        <v>100</v>
      </c>
      <c r="H51" s="17"/>
      <c r="I51" s="13">
        <v>1132</v>
      </c>
      <c r="J51" s="19">
        <v>375</v>
      </c>
      <c r="K51" s="19">
        <v>757</v>
      </c>
    </row>
    <row r="52" spans="1:11" ht="15" customHeight="1">
      <c r="A52" s="17" t="s">
        <v>101</v>
      </c>
      <c r="B52" s="17"/>
      <c r="C52" s="13">
        <v>3066</v>
      </c>
      <c r="D52" s="19">
        <v>1629</v>
      </c>
      <c r="E52" s="19">
        <v>1437</v>
      </c>
      <c r="F52" s="19"/>
      <c r="G52" s="18" t="s">
        <v>102</v>
      </c>
      <c r="H52" s="17"/>
      <c r="I52" s="13">
        <v>1003</v>
      </c>
      <c r="J52" s="19">
        <v>319</v>
      </c>
      <c r="K52" s="19">
        <v>684</v>
      </c>
    </row>
    <row r="53" spans="1:11" ht="20.100000000000001" customHeight="1">
      <c r="A53" s="17" t="s">
        <v>103</v>
      </c>
      <c r="B53" s="17"/>
      <c r="C53" s="13">
        <v>17785</v>
      </c>
      <c r="D53" s="14">
        <v>9135</v>
      </c>
      <c r="E53" s="14">
        <v>8650</v>
      </c>
      <c r="F53" s="14"/>
      <c r="G53" s="18" t="s">
        <v>104</v>
      </c>
      <c r="H53" s="17"/>
      <c r="I53" s="13">
        <v>3168</v>
      </c>
      <c r="J53" s="14">
        <v>987</v>
      </c>
      <c r="K53" s="14">
        <v>2181</v>
      </c>
    </row>
    <row r="54" spans="1:11" ht="15" customHeight="1">
      <c r="A54" s="17" t="s">
        <v>105</v>
      </c>
      <c r="B54" s="17"/>
      <c r="C54" s="13">
        <v>3324</v>
      </c>
      <c r="D54" s="19">
        <v>1692</v>
      </c>
      <c r="E54" s="19">
        <v>1632</v>
      </c>
      <c r="F54" s="19"/>
      <c r="G54" s="18" t="s">
        <v>106</v>
      </c>
      <c r="H54" s="17"/>
      <c r="I54" s="13">
        <v>833</v>
      </c>
      <c r="J54" s="19">
        <v>298</v>
      </c>
      <c r="K54" s="19">
        <v>535</v>
      </c>
    </row>
    <row r="55" spans="1:11" ht="15" customHeight="1">
      <c r="A55" s="17" t="s">
        <v>107</v>
      </c>
      <c r="B55" s="17"/>
      <c r="C55" s="13">
        <v>3425</v>
      </c>
      <c r="D55" s="19">
        <v>1744</v>
      </c>
      <c r="E55" s="19">
        <v>1681</v>
      </c>
      <c r="F55" s="19"/>
      <c r="G55" s="18" t="s">
        <v>108</v>
      </c>
      <c r="H55" s="17"/>
      <c r="I55" s="13">
        <v>716</v>
      </c>
      <c r="J55" s="19">
        <v>201</v>
      </c>
      <c r="K55" s="19">
        <v>515</v>
      </c>
    </row>
    <row r="56" spans="1:11" ht="15" customHeight="1">
      <c r="A56" s="17" t="s">
        <v>109</v>
      </c>
      <c r="B56" s="17"/>
      <c r="C56" s="13">
        <v>3569</v>
      </c>
      <c r="D56" s="19">
        <v>1844</v>
      </c>
      <c r="E56" s="19">
        <v>1725</v>
      </c>
      <c r="F56" s="19"/>
      <c r="G56" s="18" t="s">
        <v>110</v>
      </c>
      <c r="H56" s="17"/>
      <c r="I56" s="13">
        <v>592</v>
      </c>
      <c r="J56" s="19">
        <v>192</v>
      </c>
      <c r="K56" s="19">
        <v>400</v>
      </c>
    </row>
    <row r="57" spans="1:11" ht="15" customHeight="1">
      <c r="A57" s="17" t="s">
        <v>111</v>
      </c>
      <c r="B57" s="17"/>
      <c r="C57" s="13">
        <v>3600</v>
      </c>
      <c r="D57" s="19">
        <v>1904</v>
      </c>
      <c r="E57" s="19">
        <v>1696</v>
      </c>
      <c r="F57" s="19"/>
      <c r="G57" s="18" t="s">
        <v>112</v>
      </c>
      <c r="H57" s="17"/>
      <c r="I57" s="13">
        <v>497</v>
      </c>
      <c r="J57" s="19">
        <v>159</v>
      </c>
      <c r="K57" s="19">
        <v>338</v>
      </c>
    </row>
    <row r="58" spans="1:11" ht="15" customHeight="1">
      <c r="A58" s="17" t="s">
        <v>113</v>
      </c>
      <c r="B58" s="17"/>
      <c r="C58" s="13">
        <v>3867</v>
      </c>
      <c r="D58" s="19">
        <v>1951</v>
      </c>
      <c r="E58" s="19">
        <v>1916</v>
      </c>
      <c r="F58" s="19"/>
      <c r="G58" s="18" t="s">
        <v>114</v>
      </c>
      <c r="H58" s="17"/>
      <c r="I58" s="13">
        <v>530</v>
      </c>
      <c r="J58" s="19">
        <v>137</v>
      </c>
      <c r="K58" s="19">
        <v>393</v>
      </c>
    </row>
    <row r="59" spans="1:11" ht="20.100000000000001" customHeight="1">
      <c r="A59" s="17" t="s">
        <v>115</v>
      </c>
      <c r="B59" s="17"/>
      <c r="C59" s="13">
        <v>21160</v>
      </c>
      <c r="D59" s="14">
        <v>10930</v>
      </c>
      <c r="E59" s="14">
        <v>10230</v>
      </c>
      <c r="F59" s="14"/>
      <c r="G59" s="18" t="s">
        <v>116</v>
      </c>
      <c r="H59" s="17"/>
      <c r="I59" s="13">
        <v>1044</v>
      </c>
      <c r="J59" s="14">
        <v>229</v>
      </c>
      <c r="K59" s="14">
        <v>815</v>
      </c>
    </row>
    <row r="60" spans="1:11" ht="15" customHeight="1">
      <c r="A60" s="17" t="s">
        <v>117</v>
      </c>
      <c r="B60" s="17"/>
      <c r="C60" s="13">
        <v>4230</v>
      </c>
      <c r="D60" s="19">
        <v>2173</v>
      </c>
      <c r="E60" s="19">
        <v>2057</v>
      </c>
      <c r="F60" s="19"/>
      <c r="G60" s="18" t="s">
        <v>118</v>
      </c>
      <c r="H60" s="17"/>
      <c r="I60" s="13">
        <v>323</v>
      </c>
      <c r="J60" s="19">
        <v>82</v>
      </c>
      <c r="K60" s="19">
        <v>241</v>
      </c>
    </row>
    <row r="61" spans="1:11" ht="15" customHeight="1">
      <c r="A61" s="17" t="s">
        <v>119</v>
      </c>
      <c r="B61" s="17"/>
      <c r="C61" s="13">
        <v>4279</v>
      </c>
      <c r="D61" s="19">
        <v>2216</v>
      </c>
      <c r="E61" s="19">
        <v>2063</v>
      </c>
      <c r="F61" s="19"/>
      <c r="G61" s="18" t="s">
        <v>120</v>
      </c>
      <c r="H61" s="17"/>
      <c r="I61" s="13">
        <v>263</v>
      </c>
      <c r="J61" s="19">
        <v>52</v>
      </c>
      <c r="K61" s="19">
        <v>211</v>
      </c>
    </row>
    <row r="62" spans="1:11" ht="15" customHeight="1">
      <c r="A62" s="17" t="s">
        <v>121</v>
      </c>
      <c r="B62" s="17"/>
      <c r="C62" s="13">
        <v>4264</v>
      </c>
      <c r="D62" s="19">
        <v>2183</v>
      </c>
      <c r="E62" s="19">
        <v>2081</v>
      </c>
      <c r="F62" s="19"/>
      <c r="G62" s="18" t="s">
        <v>122</v>
      </c>
      <c r="H62" s="17"/>
      <c r="I62" s="13">
        <v>192</v>
      </c>
      <c r="J62" s="19">
        <v>58</v>
      </c>
      <c r="K62" s="19">
        <v>134</v>
      </c>
    </row>
    <row r="63" spans="1:11" ht="15" customHeight="1">
      <c r="A63" s="17" t="s">
        <v>123</v>
      </c>
      <c r="B63" s="17"/>
      <c r="C63" s="13">
        <v>4247</v>
      </c>
      <c r="D63" s="19">
        <v>2219</v>
      </c>
      <c r="E63" s="19">
        <v>2028</v>
      </c>
      <c r="F63" s="19"/>
      <c r="G63" s="18" t="s">
        <v>124</v>
      </c>
      <c r="H63" s="17"/>
      <c r="I63" s="13">
        <v>93</v>
      </c>
      <c r="J63" s="19">
        <v>12</v>
      </c>
      <c r="K63" s="19">
        <v>81</v>
      </c>
    </row>
    <row r="64" spans="1:11" ht="15" customHeight="1">
      <c r="A64" s="17" t="s">
        <v>125</v>
      </c>
      <c r="B64" s="17"/>
      <c r="C64" s="13">
        <v>4140</v>
      </c>
      <c r="D64" s="19">
        <v>2139</v>
      </c>
      <c r="E64" s="19">
        <v>2001</v>
      </c>
      <c r="F64" s="19"/>
      <c r="G64" s="18" t="s">
        <v>126</v>
      </c>
      <c r="H64" s="17"/>
      <c r="I64" s="13">
        <v>173</v>
      </c>
      <c r="J64" s="19">
        <v>25</v>
      </c>
      <c r="K64" s="19">
        <v>14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55</v>
      </c>
      <c r="J65" s="19">
        <v>41</v>
      </c>
      <c r="K65" s="19">
        <v>21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822</v>
      </c>
      <c r="J66" s="29">
        <v>1170</v>
      </c>
      <c r="K66" s="29">
        <v>65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34769</v>
      </c>
      <c r="D4" s="14">
        <v>214848</v>
      </c>
      <c r="E4" s="14">
        <v>21992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950</v>
      </c>
      <c r="D5" s="14">
        <v>9202</v>
      </c>
      <c r="E5" s="14">
        <v>8748</v>
      </c>
      <c r="F5" s="14"/>
      <c r="G5" s="18" t="s">
        <v>8</v>
      </c>
      <c r="H5" s="17"/>
      <c r="I5" s="13">
        <v>33743</v>
      </c>
      <c r="J5" s="14">
        <v>17538</v>
      </c>
      <c r="K5" s="14">
        <v>16205</v>
      </c>
    </row>
    <row r="6" spans="1:11" ht="15" customHeight="1">
      <c r="A6" s="17" t="s">
        <v>9</v>
      </c>
      <c r="B6" s="17"/>
      <c r="C6" s="13">
        <v>3293</v>
      </c>
      <c r="D6" s="19">
        <v>1733</v>
      </c>
      <c r="E6" s="19">
        <v>1560</v>
      </c>
      <c r="F6" s="19"/>
      <c r="G6" s="18" t="s">
        <v>10</v>
      </c>
      <c r="H6" s="17"/>
      <c r="I6" s="13">
        <v>7229</v>
      </c>
      <c r="J6" s="19">
        <v>3748</v>
      </c>
      <c r="K6" s="19">
        <v>3481</v>
      </c>
    </row>
    <row r="7" spans="1:11" ht="15" customHeight="1">
      <c r="A7" s="17" t="s">
        <v>11</v>
      </c>
      <c r="B7" s="17"/>
      <c r="C7" s="13">
        <v>3572</v>
      </c>
      <c r="D7" s="19">
        <v>1800</v>
      </c>
      <c r="E7" s="19">
        <v>1772</v>
      </c>
      <c r="F7" s="19"/>
      <c r="G7" s="18" t="s">
        <v>12</v>
      </c>
      <c r="H7" s="17"/>
      <c r="I7" s="13">
        <v>7255</v>
      </c>
      <c r="J7" s="19">
        <v>3659</v>
      </c>
      <c r="K7" s="19">
        <v>3596</v>
      </c>
    </row>
    <row r="8" spans="1:11" ht="15" customHeight="1">
      <c r="A8" s="17" t="s">
        <v>13</v>
      </c>
      <c r="B8" s="17"/>
      <c r="C8" s="13">
        <v>3523</v>
      </c>
      <c r="D8" s="19">
        <v>1774</v>
      </c>
      <c r="E8" s="19">
        <v>1749</v>
      </c>
      <c r="F8" s="19"/>
      <c r="G8" s="18" t="s">
        <v>14</v>
      </c>
      <c r="H8" s="17"/>
      <c r="I8" s="13">
        <v>7385</v>
      </c>
      <c r="J8" s="19">
        <v>3917</v>
      </c>
      <c r="K8" s="19">
        <v>3468</v>
      </c>
    </row>
    <row r="9" spans="1:11" ht="15" customHeight="1">
      <c r="A9" s="17" t="s">
        <v>15</v>
      </c>
      <c r="B9" s="17"/>
      <c r="C9" s="13">
        <v>3877</v>
      </c>
      <c r="D9" s="19">
        <v>2019</v>
      </c>
      <c r="E9" s="19">
        <v>1858</v>
      </c>
      <c r="F9" s="19"/>
      <c r="G9" s="18" t="s">
        <v>16</v>
      </c>
      <c r="H9" s="17"/>
      <c r="I9" s="13">
        <v>5144</v>
      </c>
      <c r="J9" s="19">
        <v>2699</v>
      </c>
      <c r="K9" s="19">
        <v>2445</v>
      </c>
    </row>
    <row r="10" spans="1:11" ht="15" customHeight="1">
      <c r="A10" s="17" t="s">
        <v>17</v>
      </c>
      <c r="B10" s="17"/>
      <c r="C10" s="13">
        <v>3685</v>
      </c>
      <c r="D10" s="19">
        <v>1876</v>
      </c>
      <c r="E10" s="19">
        <v>1809</v>
      </c>
      <c r="F10" s="19"/>
      <c r="G10" s="18" t="s">
        <v>18</v>
      </c>
      <c r="H10" s="17"/>
      <c r="I10" s="13">
        <v>6730</v>
      </c>
      <c r="J10" s="19">
        <v>3515</v>
      </c>
      <c r="K10" s="19">
        <v>3215</v>
      </c>
    </row>
    <row r="11" spans="1:11" ht="20.100000000000001" customHeight="1">
      <c r="A11" s="17" t="s">
        <v>19</v>
      </c>
      <c r="B11" s="17"/>
      <c r="C11" s="13">
        <v>19317</v>
      </c>
      <c r="D11" s="14">
        <v>9864</v>
      </c>
      <c r="E11" s="14">
        <v>9453</v>
      </c>
      <c r="F11" s="14"/>
      <c r="G11" s="18" t="s">
        <v>20</v>
      </c>
      <c r="H11" s="17"/>
      <c r="I11" s="13">
        <v>27213</v>
      </c>
      <c r="J11" s="14">
        <v>14084</v>
      </c>
      <c r="K11" s="14">
        <v>13129</v>
      </c>
    </row>
    <row r="12" spans="1:11" ht="15" customHeight="1">
      <c r="A12" s="17" t="s">
        <v>21</v>
      </c>
      <c r="B12" s="17"/>
      <c r="C12" s="13">
        <v>3728</v>
      </c>
      <c r="D12" s="19">
        <v>1893</v>
      </c>
      <c r="E12" s="19">
        <v>1835</v>
      </c>
      <c r="F12" s="19"/>
      <c r="G12" s="18" t="s">
        <v>22</v>
      </c>
      <c r="H12" s="17"/>
      <c r="I12" s="13">
        <v>6068</v>
      </c>
      <c r="J12" s="19">
        <v>3129</v>
      </c>
      <c r="K12" s="19">
        <v>2939</v>
      </c>
    </row>
    <row r="13" spans="1:11" ht="15" customHeight="1">
      <c r="A13" s="17" t="s">
        <v>23</v>
      </c>
      <c r="B13" s="17"/>
      <c r="C13" s="13">
        <v>3874</v>
      </c>
      <c r="D13" s="19">
        <v>1984</v>
      </c>
      <c r="E13" s="19">
        <v>1890</v>
      </c>
      <c r="F13" s="19"/>
      <c r="G13" s="18" t="s">
        <v>24</v>
      </c>
      <c r="H13" s="17"/>
      <c r="I13" s="13">
        <v>5864</v>
      </c>
      <c r="J13" s="19">
        <v>3060</v>
      </c>
      <c r="K13" s="19">
        <v>2804</v>
      </c>
    </row>
    <row r="14" spans="1:11" ht="15" customHeight="1">
      <c r="A14" s="17" t="s">
        <v>25</v>
      </c>
      <c r="B14" s="17"/>
      <c r="C14" s="13">
        <v>3867</v>
      </c>
      <c r="D14" s="19">
        <v>1978</v>
      </c>
      <c r="E14" s="19">
        <v>1889</v>
      </c>
      <c r="F14" s="19"/>
      <c r="G14" s="18" t="s">
        <v>26</v>
      </c>
      <c r="H14" s="17"/>
      <c r="I14" s="13">
        <v>5244</v>
      </c>
      <c r="J14" s="19">
        <v>2769</v>
      </c>
      <c r="K14" s="19">
        <v>2475</v>
      </c>
    </row>
    <row r="15" spans="1:11" ht="15" customHeight="1">
      <c r="A15" s="17" t="s">
        <v>27</v>
      </c>
      <c r="B15" s="17"/>
      <c r="C15" s="13">
        <v>3955</v>
      </c>
      <c r="D15" s="19">
        <v>2029</v>
      </c>
      <c r="E15" s="19">
        <v>1926</v>
      </c>
      <c r="F15" s="19"/>
      <c r="G15" s="18" t="s">
        <v>28</v>
      </c>
      <c r="H15" s="17"/>
      <c r="I15" s="13">
        <v>5086</v>
      </c>
      <c r="J15" s="19">
        <v>2592</v>
      </c>
      <c r="K15" s="19">
        <v>2494</v>
      </c>
    </row>
    <row r="16" spans="1:11" ht="15" customHeight="1">
      <c r="A16" s="17" t="s">
        <v>29</v>
      </c>
      <c r="B16" s="17"/>
      <c r="C16" s="13">
        <v>3893</v>
      </c>
      <c r="D16" s="19">
        <v>1980</v>
      </c>
      <c r="E16" s="19">
        <v>1913</v>
      </c>
      <c r="F16" s="19"/>
      <c r="G16" s="18" t="s">
        <v>30</v>
      </c>
      <c r="H16" s="17"/>
      <c r="I16" s="13">
        <v>4951</v>
      </c>
      <c r="J16" s="19">
        <v>2534</v>
      </c>
      <c r="K16" s="19">
        <v>2417</v>
      </c>
    </row>
    <row r="17" spans="1:11" ht="20.100000000000001" customHeight="1">
      <c r="A17" s="20" t="s">
        <v>31</v>
      </c>
      <c r="B17" s="20"/>
      <c r="C17" s="13">
        <v>19859</v>
      </c>
      <c r="D17" s="14">
        <v>10171</v>
      </c>
      <c r="E17" s="14">
        <v>9688</v>
      </c>
      <c r="F17" s="14"/>
      <c r="G17" s="18" t="s">
        <v>32</v>
      </c>
      <c r="H17" s="17"/>
      <c r="I17" s="13">
        <v>21979</v>
      </c>
      <c r="J17" s="14">
        <v>11030</v>
      </c>
      <c r="K17" s="14">
        <v>10949</v>
      </c>
    </row>
    <row r="18" spans="1:11" ht="15" customHeight="1">
      <c r="A18" s="17" t="s">
        <v>33</v>
      </c>
      <c r="B18" s="17"/>
      <c r="C18" s="13">
        <v>4041</v>
      </c>
      <c r="D18" s="19">
        <v>2057</v>
      </c>
      <c r="E18" s="19">
        <v>1984</v>
      </c>
      <c r="F18" s="19"/>
      <c r="G18" s="18" t="s">
        <v>34</v>
      </c>
      <c r="H18" s="17"/>
      <c r="I18" s="13">
        <v>4626</v>
      </c>
      <c r="J18" s="19">
        <v>2374</v>
      </c>
      <c r="K18" s="19">
        <v>2252</v>
      </c>
    </row>
    <row r="19" spans="1:11" ht="15" customHeight="1">
      <c r="A19" s="17" t="s">
        <v>35</v>
      </c>
      <c r="B19" s="17"/>
      <c r="C19" s="13">
        <v>4035</v>
      </c>
      <c r="D19" s="19">
        <v>2068</v>
      </c>
      <c r="E19" s="19">
        <v>1967</v>
      </c>
      <c r="F19" s="19"/>
      <c r="G19" s="18" t="s">
        <v>36</v>
      </c>
      <c r="H19" s="17"/>
      <c r="I19" s="13">
        <v>4578</v>
      </c>
      <c r="J19" s="19">
        <v>2346</v>
      </c>
      <c r="K19" s="19">
        <v>2232</v>
      </c>
    </row>
    <row r="20" spans="1:11" ht="15" customHeight="1">
      <c r="A20" s="17" t="s">
        <v>37</v>
      </c>
      <c r="B20" s="17"/>
      <c r="C20" s="13">
        <v>4024</v>
      </c>
      <c r="D20" s="19">
        <v>2083</v>
      </c>
      <c r="E20" s="19">
        <v>1941</v>
      </c>
      <c r="F20" s="19"/>
      <c r="G20" s="18" t="s">
        <v>38</v>
      </c>
      <c r="H20" s="17"/>
      <c r="I20" s="13">
        <v>4198</v>
      </c>
      <c r="J20" s="19">
        <v>2063</v>
      </c>
      <c r="K20" s="19">
        <v>2135</v>
      </c>
    </row>
    <row r="21" spans="1:11" ht="15" customHeight="1">
      <c r="A21" s="17" t="s">
        <v>39</v>
      </c>
      <c r="B21" s="17"/>
      <c r="C21" s="13">
        <v>3889</v>
      </c>
      <c r="D21" s="19">
        <v>1988</v>
      </c>
      <c r="E21" s="19">
        <v>1901</v>
      </c>
      <c r="F21" s="19"/>
      <c r="G21" s="18" t="s">
        <v>40</v>
      </c>
      <c r="H21" s="17"/>
      <c r="I21" s="13">
        <v>4210</v>
      </c>
      <c r="J21" s="19">
        <v>2094</v>
      </c>
      <c r="K21" s="19">
        <v>2116</v>
      </c>
    </row>
    <row r="22" spans="1:11" ht="15" customHeight="1">
      <c r="A22" s="17" t="s">
        <v>41</v>
      </c>
      <c r="B22" s="17"/>
      <c r="C22" s="13">
        <v>3870</v>
      </c>
      <c r="D22" s="19">
        <v>1975</v>
      </c>
      <c r="E22" s="19">
        <v>1895</v>
      </c>
      <c r="F22" s="19"/>
      <c r="G22" s="18" t="s">
        <v>42</v>
      </c>
      <c r="H22" s="17"/>
      <c r="I22" s="13">
        <v>4367</v>
      </c>
      <c r="J22" s="19">
        <v>2153</v>
      </c>
      <c r="K22" s="19">
        <v>2214</v>
      </c>
    </row>
    <row r="23" spans="1:11" ht="20.100000000000001" customHeight="1">
      <c r="A23" s="17" t="s">
        <v>43</v>
      </c>
      <c r="B23" s="17"/>
      <c r="C23" s="13">
        <v>20602</v>
      </c>
      <c r="D23" s="14">
        <v>10560</v>
      </c>
      <c r="E23" s="14">
        <v>10042</v>
      </c>
      <c r="F23" s="14"/>
      <c r="G23" s="18" t="s">
        <v>44</v>
      </c>
      <c r="H23" s="17"/>
      <c r="I23" s="13">
        <v>24141</v>
      </c>
      <c r="J23" s="14">
        <v>11494</v>
      </c>
      <c r="K23" s="14">
        <v>12647</v>
      </c>
    </row>
    <row r="24" spans="1:11" ht="15" customHeight="1">
      <c r="A24" s="17" t="s">
        <v>45</v>
      </c>
      <c r="B24" s="17"/>
      <c r="C24" s="13">
        <v>4108</v>
      </c>
      <c r="D24" s="19">
        <v>2080</v>
      </c>
      <c r="E24" s="19">
        <v>2028</v>
      </c>
      <c r="F24" s="19"/>
      <c r="G24" s="18" t="s">
        <v>46</v>
      </c>
      <c r="H24" s="17"/>
      <c r="I24" s="13">
        <v>4370</v>
      </c>
      <c r="J24" s="19">
        <v>2155</v>
      </c>
      <c r="K24" s="19">
        <v>2215</v>
      </c>
    </row>
    <row r="25" spans="1:11" ht="15" customHeight="1">
      <c r="A25" s="17" t="s">
        <v>47</v>
      </c>
      <c r="B25" s="17"/>
      <c r="C25" s="13">
        <v>4133</v>
      </c>
      <c r="D25" s="19">
        <v>2095</v>
      </c>
      <c r="E25" s="19">
        <v>2038</v>
      </c>
      <c r="F25" s="19"/>
      <c r="G25" s="18" t="s">
        <v>48</v>
      </c>
      <c r="H25" s="17"/>
      <c r="I25" s="13">
        <v>4352</v>
      </c>
      <c r="J25" s="19">
        <v>2074</v>
      </c>
      <c r="K25" s="19">
        <v>2278</v>
      </c>
    </row>
    <row r="26" spans="1:11" ht="15" customHeight="1">
      <c r="A26" s="17" t="s">
        <v>49</v>
      </c>
      <c r="B26" s="17"/>
      <c r="C26" s="13">
        <v>3954</v>
      </c>
      <c r="D26" s="19">
        <v>2008</v>
      </c>
      <c r="E26" s="19">
        <v>1946</v>
      </c>
      <c r="F26" s="19"/>
      <c r="G26" s="18" t="s">
        <v>50</v>
      </c>
      <c r="H26" s="17"/>
      <c r="I26" s="13">
        <v>4866</v>
      </c>
      <c r="J26" s="19">
        <v>2312</v>
      </c>
      <c r="K26" s="19">
        <v>2554</v>
      </c>
    </row>
    <row r="27" spans="1:11" ht="15" customHeight="1">
      <c r="A27" s="17" t="s">
        <v>51</v>
      </c>
      <c r="B27" s="17"/>
      <c r="C27" s="13">
        <v>4010</v>
      </c>
      <c r="D27" s="19">
        <v>2035</v>
      </c>
      <c r="E27" s="19">
        <v>1975</v>
      </c>
      <c r="F27" s="19"/>
      <c r="G27" s="18" t="s">
        <v>52</v>
      </c>
      <c r="H27" s="17"/>
      <c r="I27" s="13">
        <v>5068</v>
      </c>
      <c r="J27" s="19">
        <v>2352</v>
      </c>
      <c r="K27" s="19">
        <v>2716</v>
      </c>
    </row>
    <row r="28" spans="1:11" ht="15" customHeight="1">
      <c r="A28" s="17" t="s">
        <v>53</v>
      </c>
      <c r="B28" s="17"/>
      <c r="C28" s="13">
        <v>4397</v>
      </c>
      <c r="D28" s="19">
        <v>2342</v>
      </c>
      <c r="E28" s="19">
        <v>2055</v>
      </c>
      <c r="F28" s="19"/>
      <c r="G28" s="18" t="s">
        <v>54</v>
      </c>
      <c r="H28" s="17"/>
      <c r="I28" s="13">
        <v>5485</v>
      </c>
      <c r="J28" s="19">
        <v>2601</v>
      </c>
      <c r="K28" s="19">
        <v>2884</v>
      </c>
    </row>
    <row r="29" spans="1:11" ht="20.100000000000001" customHeight="1">
      <c r="A29" s="17" t="s">
        <v>55</v>
      </c>
      <c r="B29" s="17"/>
      <c r="C29" s="13">
        <v>22818</v>
      </c>
      <c r="D29" s="14">
        <v>11939</v>
      </c>
      <c r="E29" s="14">
        <v>10879</v>
      </c>
      <c r="F29" s="14"/>
      <c r="G29" s="18" t="s">
        <v>56</v>
      </c>
      <c r="H29" s="17"/>
      <c r="I29" s="13">
        <v>27095</v>
      </c>
      <c r="J29" s="14">
        <v>12579</v>
      </c>
      <c r="K29" s="14">
        <v>14516</v>
      </c>
    </row>
    <row r="30" spans="1:11" ht="15" customHeight="1">
      <c r="A30" s="17" t="s">
        <v>57</v>
      </c>
      <c r="B30" s="17"/>
      <c r="C30" s="13">
        <v>4206</v>
      </c>
      <c r="D30" s="19">
        <v>2184</v>
      </c>
      <c r="E30" s="19">
        <v>2022</v>
      </c>
      <c r="F30" s="19"/>
      <c r="G30" s="18" t="s">
        <v>58</v>
      </c>
      <c r="H30" s="17"/>
      <c r="I30" s="13">
        <v>6262</v>
      </c>
      <c r="J30" s="19">
        <v>2904</v>
      </c>
      <c r="K30" s="19">
        <v>3358</v>
      </c>
    </row>
    <row r="31" spans="1:11" ht="15" customHeight="1">
      <c r="A31" s="17" t="s">
        <v>59</v>
      </c>
      <c r="B31" s="17"/>
      <c r="C31" s="13">
        <v>4352</v>
      </c>
      <c r="D31" s="19">
        <v>2291</v>
      </c>
      <c r="E31" s="19">
        <v>2061</v>
      </c>
      <c r="F31" s="19"/>
      <c r="G31" s="18" t="s">
        <v>60</v>
      </c>
      <c r="H31" s="17"/>
      <c r="I31" s="13">
        <v>6252</v>
      </c>
      <c r="J31" s="19">
        <v>2912</v>
      </c>
      <c r="K31" s="19">
        <v>3340</v>
      </c>
    </row>
    <row r="32" spans="1:11" ht="15" customHeight="1">
      <c r="A32" s="17" t="s">
        <v>61</v>
      </c>
      <c r="B32" s="17"/>
      <c r="C32" s="13">
        <v>4659</v>
      </c>
      <c r="D32" s="19">
        <v>2448</v>
      </c>
      <c r="E32" s="19">
        <v>2211</v>
      </c>
      <c r="F32" s="19"/>
      <c r="G32" s="18" t="s">
        <v>62</v>
      </c>
      <c r="H32" s="17"/>
      <c r="I32" s="13">
        <v>6205</v>
      </c>
      <c r="J32" s="19">
        <v>2819</v>
      </c>
      <c r="K32" s="19">
        <v>3386</v>
      </c>
    </row>
    <row r="33" spans="1:11" ht="15" customHeight="1">
      <c r="A33" s="17" t="s">
        <v>63</v>
      </c>
      <c r="B33" s="17"/>
      <c r="C33" s="13">
        <v>4860</v>
      </c>
      <c r="D33" s="19">
        <v>2573</v>
      </c>
      <c r="E33" s="19">
        <v>2287</v>
      </c>
      <c r="F33" s="19"/>
      <c r="G33" s="18" t="s">
        <v>64</v>
      </c>
      <c r="H33" s="17"/>
      <c r="I33" s="13">
        <v>4398</v>
      </c>
      <c r="J33" s="19">
        <v>2078</v>
      </c>
      <c r="K33" s="19">
        <v>2320</v>
      </c>
    </row>
    <row r="34" spans="1:11" ht="15" customHeight="1">
      <c r="A34" s="17" t="s">
        <v>65</v>
      </c>
      <c r="B34" s="17"/>
      <c r="C34" s="13">
        <v>4741</v>
      </c>
      <c r="D34" s="19">
        <v>2443</v>
      </c>
      <c r="E34" s="19">
        <v>2298</v>
      </c>
      <c r="F34" s="19"/>
      <c r="G34" s="18" t="s">
        <v>66</v>
      </c>
      <c r="H34" s="17"/>
      <c r="I34" s="13">
        <v>3978</v>
      </c>
      <c r="J34" s="19">
        <v>1866</v>
      </c>
      <c r="K34" s="19">
        <v>2112</v>
      </c>
    </row>
    <row r="35" spans="1:11" ht="20.100000000000001" customHeight="1">
      <c r="A35" s="17" t="s">
        <v>67</v>
      </c>
      <c r="B35" s="17"/>
      <c r="C35" s="13">
        <v>22147</v>
      </c>
      <c r="D35" s="14">
        <v>11738</v>
      </c>
      <c r="E35" s="14">
        <v>10409</v>
      </c>
      <c r="F35" s="14"/>
      <c r="G35" s="18" t="s">
        <v>68</v>
      </c>
      <c r="H35" s="17"/>
      <c r="I35" s="13">
        <v>23082</v>
      </c>
      <c r="J35" s="14">
        <v>10360</v>
      </c>
      <c r="K35" s="14">
        <v>12722</v>
      </c>
    </row>
    <row r="36" spans="1:11" ht="15" customHeight="1">
      <c r="A36" s="17" t="s">
        <v>69</v>
      </c>
      <c r="B36" s="17"/>
      <c r="C36" s="13">
        <v>4785</v>
      </c>
      <c r="D36" s="19">
        <v>2510</v>
      </c>
      <c r="E36" s="19">
        <v>2275</v>
      </c>
      <c r="F36" s="19"/>
      <c r="G36" s="18" t="s">
        <v>70</v>
      </c>
      <c r="H36" s="17"/>
      <c r="I36" s="13">
        <v>4731</v>
      </c>
      <c r="J36" s="19">
        <v>2145</v>
      </c>
      <c r="K36" s="19">
        <v>2586</v>
      </c>
    </row>
    <row r="37" spans="1:11" ht="15" customHeight="1">
      <c r="A37" s="17" t="s">
        <v>71</v>
      </c>
      <c r="B37" s="17"/>
      <c r="C37" s="13">
        <v>4584</v>
      </c>
      <c r="D37" s="19">
        <v>2449</v>
      </c>
      <c r="E37" s="19">
        <v>2135</v>
      </c>
      <c r="F37" s="19"/>
      <c r="G37" s="18" t="s">
        <v>72</v>
      </c>
      <c r="H37" s="17"/>
      <c r="I37" s="13">
        <v>4871</v>
      </c>
      <c r="J37" s="19">
        <v>2171</v>
      </c>
      <c r="K37" s="19">
        <v>2700</v>
      </c>
    </row>
    <row r="38" spans="1:11" ht="15" customHeight="1">
      <c r="A38" s="17" t="s">
        <v>73</v>
      </c>
      <c r="B38" s="17"/>
      <c r="C38" s="13">
        <v>4322</v>
      </c>
      <c r="D38" s="19">
        <v>2349</v>
      </c>
      <c r="E38" s="19">
        <v>1973</v>
      </c>
      <c r="F38" s="19"/>
      <c r="G38" s="18" t="s">
        <v>74</v>
      </c>
      <c r="H38" s="17"/>
      <c r="I38" s="13">
        <v>4670</v>
      </c>
      <c r="J38" s="19">
        <v>2143</v>
      </c>
      <c r="K38" s="19">
        <v>2527</v>
      </c>
    </row>
    <row r="39" spans="1:11" ht="15" customHeight="1">
      <c r="A39" s="17" t="s">
        <v>75</v>
      </c>
      <c r="B39" s="17"/>
      <c r="C39" s="13">
        <v>4255</v>
      </c>
      <c r="D39" s="19">
        <v>2261</v>
      </c>
      <c r="E39" s="19">
        <v>1994</v>
      </c>
      <c r="F39" s="19"/>
      <c r="G39" s="18" t="s">
        <v>76</v>
      </c>
      <c r="H39" s="17"/>
      <c r="I39" s="13">
        <v>4688</v>
      </c>
      <c r="J39" s="19">
        <v>2063</v>
      </c>
      <c r="K39" s="19">
        <v>2625</v>
      </c>
    </row>
    <row r="40" spans="1:11" ht="15" customHeight="1">
      <c r="A40" s="17" t="s">
        <v>77</v>
      </c>
      <c r="B40" s="17"/>
      <c r="C40" s="13">
        <v>4201</v>
      </c>
      <c r="D40" s="19">
        <v>2169</v>
      </c>
      <c r="E40" s="19">
        <v>2032</v>
      </c>
      <c r="F40" s="19"/>
      <c r="G40" s="18" t="s">
        <v>78</v>
      </c>
      <c r="H40" s="17"/>
      <c r="I40" s="13">
        <v>4122</v>
      </c>
      <c r="J40" s="19">
        <v>1838</v>
      </c>
      <c r="K40" s="19">
        <v>2284</v>
      </c>
    </row>
    <row r="41" spans="1:11" ht="20.100000000000001" customHeight="1">
      <c r="A41" s="17" t="s">
        <v>79</v>
      </c>
      <c r="B41" s="17"/>
      <c r="C41" s="13">
        <v>22811</v>
      </c>
      <c r="D41" s="14">
        <v>11704</v>
      </c>
      <c r="E41" s="14">
        <v>11107</v>
      </c>
      <c r="F41" s="14"/>
      <c r="G41" s="18" t="s">
        <v>80</v>
      </c>
      <c r="H41" s="17"/>
      <c r="I41" s="13">
        <v>16514</v>
      </c>
      <c r="J41" s="14">
        <v>7048</v>
      </c>
      <c r="K41" s="14">
        <v>9466</v>
      </c>
    </row>
    <row r="42" spans="1:11" ht="15" customHeight="1">
      <c r="A42" s="17" t="s">
        <v>81</v>
      </c>
      <c r="B42" s="17"/>
      <c r="C42" s="13">
        <v>4337</v>
      </c>
      <c r="D42" s="19">
        <v>2263</v>
      </c>
      <c r="E42" s="19">
        <v>2074</v>
      </c>
      <c r="F42" s="19"/>
      <c r="G42" s="18" t="s">
        <v>82</v>
      </c>
      <c r="H42" s="17"/>
      <c r="I42" s="13">
        <v>3410</v>
      </c>
      <c r="J42" s="19">
        <v>1495</v>
      </c>
      <c r="K42" s="19">
        <v>1915</v>
      </c>
    </row>
    <row r="43" spans="1:11" ht="15" customHeight="1">
      <c r="A43" s="17" t="s">
        <v>83</v>
      </c>
      <c r="B43" s="17"/>
      <c r="C43" s="13">
        <v>4409</v>
      </c>
      <c r="D43" s="19">
        <v>2305</v>
      </c>
      <c r="E43" s="19">
        <v>2104</v>
      </c>
      <c r="F43" s="19"/>
      <c r="G43" s="18" t="s">
        <v>84</v>
      </c>
      <c r="H43" s="17"/>
      <c r="I43" s="13">
        <v>3337</v>
      </c>
      <c r="J43" s="19">
        <v>1425</v>
      </c>
      <c r="K43" s="19">
        <v>1912</v>
      </c>
    </row>
    <row r="44" spans="1:11" ht="15" customHeight="1">
      <c r="A44" s="17" t="s">
        <v>85</v>
      </c>
      <c r="B44" s="17"/>
      <c r="C44" s="13">
        <v>4392</v>
      </c>
      <c r="D44" s="19">
        <v>2215</v>
      </c>
      <c r="E44" s="19">
        <v>2177</v>
      </c>
      <c r="F44" s="19"/>
      <c r="G44" s="18" t="s">
        <v>86</v>
      </c>
      <c r="H44" s="17"/>
      <c r="I44" s="13">
        <v>3544</v>
      </c>
      <c r="J44" s="19">
        <v>1569</v>
      </c>
      <c r="K44" s="19">
        <v>1975</v>
      </c>
    </row>
    <row r="45" spans="1:11" ht="15" customHeight="1">
      <c r="A45" s="17" t="s">
        <v>87</v>
      </c>
      <c r="B45" s="17"/>
      <c r="C45" s="13">
        <v>4675</v>
      </c>
      <c r="D45" s="19">
        <v>2435</v>
      </c>
      <c r="E45" s="19">
        <v>2240</v>
      </c>
      <c r="F45" s="19"/>
      <c r="G45" s="18" t="s">
        <v>88</v>
      </c>
      <c r="H45" s="17"/>
      <c r="I45" s="13">
        <v>3207</v>
      </c>
      <c r="J45" s="19">
        <v>1316</v>
      </c>
      <c r="K45" s="19">
        <v>1891</v>
      </c>
    </row>
    <row r="46" spans="1:11" ht="15" customHeight="1">
      <c r="A46" s="17" t="s">
        <v>89</v>
      </c>
      <c r="B46" s="17"/>
      <c r="C46" s="13">
        <v>4998</v>
      </c>
      <c r="D46" s="19">
        <v>2486</v>
      </c>
      <c r="E46" s="19">
        <v>2512</v>
      </c>
      <c r="F46" s="19"/>
      <c r="G46" s="18" t="s">
        <v>90</v>
      </c>
      <c r="H46" s="17"/>
      <c r="I46" s="13">
        <v>3016</v>
      </c>
      <c r="J46" s="19">
        <v>1243</v>
      </c>
      <c r="K46" s="19">
        <v>1773</v>
      </c>
    </row>
    <row r="47" spans="1:11" ht="20.100000000000001" customHeight="1">
      <c r="A47" s="17" t="s">
        <v>91</v>
      </c>
      <c r="B47" s="17"/>
      <c r="C47" s="13">
        <v>27766</v>
      </c>
      <c r="D47" s="14">
        <v>13996</v>
      </c>
      <c r="E47" s="14">
        <v>13770</v>
      </c>
      <c r="F47" s="14"/>
      <c r="G47" s="18" t="s">
        <v>92</v>
      </c>
      <c r="H47" s="17"/>
      <c r="I47" s="13">
        <v>10010</v>
      </c>
      <c r="J47" s="14">
        <v>3710</v>
      </c>
      <c r="K47" s="14">
        <v>6300</v>
      </c>
    </row>
    <row r="48" spans="1:11" ht="15" customHeight="1">
      <c r="A48" s="17" t="s">
        <v>93</v>
      </c>
      <c r="B48" s="17"/>
      <c r="C48" s="13">
        <v>5184</v>
      </c>
      <c r="D48" s="19">
        <v>2625</v>
      </c>
      <c r="E48" s="19">
        <v>2559</v>
      </c>
      <c r="F48" s="19"/>
      <c r="G48" s="18" t="s">
        <v>94</v>
      </c>
      <c r="H48" s="17"/>
      <c r="I48" s="13">
        <v>2421</v>
      </c>
      <c r="J48" s="19">
        <v>968</v>
      </c>
      <c r="K48" s="19">
        <v>1453</v>
      </c>
    </row>
    <row r="49" spans="1:11" ht="15" customHeight="1">
      <c r="A49" s="17" t="s">
        <v>95</v>
      </c>
      <c r="B49" s="17"/>
      <c r="C49" s="13">
        <v>5545</v>
      </c>
      <c r="D49" s="19">
        <v>2817</v>
      </c>
      <c r="E49" s="19">
        <v>2728</v>
      </c>
      <c r="F49" s="19"/>
      <c r="G49" s="18" t="s">
        <v>96</v>
      </c>
      <c r="H49" s="17"/>
      <c r="I49" s="13">
        <v>2266</v>
      </c>
      <c r="J49" s="19">
        <v>885</v>
      </c>
      <c r="K49" s="19">
        <v>1381</v>
      </c>
    </row>
    <row r="50" spans="1:11" ht="15" customHeight="1">
      <c r="A50" s="17" t="s">
        <v>97</v>
      </c>
      <c r="B50" s="17"/>
      <c r="C50" s="13">
        <v>5558</v>
      </c>
      <c r="D50" s="19">
        <v>2820</v>
      </c>
      <c r="E50" s="19">
        <v>2738</v>
      </c>
      <c r="F50" s="19"/>
      <c r="G50" s="18" t="s">
        <v>98</v>
      </c>
      <c r="H50" s="17"/>
      <c r="I50" s="13">
        <v>1981</v>
      </c>
      <c r="J50" s="19">
        <v>758</v>
      </c>
      <c r="K50" s="19">
        <v>1223</v>
      </c>
    </row>
    <row r="51" spans="1:11" ht="15" customHeight="1">
      <c r="A51" s="17" t="s">
        <v>99</v>
      </c>
      <c r="B51" s="17"/>
      <c r="C51" s="13">
        <v>5602</v>
      </c>
      <c r="D51" s="19">
        <v>2807</v>
      </c>
      <c r="E51" s="19">
        <v>2795</v>
      </c>
      <c r="F51" s="19"/>
      <c r="G51" s="18" t="s">
        <v>100</v>
      </c>
      <c r="H51" s="17"/>
      <c r="I51" s="13">
        <v>1786</v>
      </c>
      <c r="J51" s="19">
        <v>575</v>
      </c>
      <c r="K51" s="19">
        <v>1211</v>
      </c>
    </row>
    <row r="52" spans="1:11" ht="15" customHeight="1">
      <c r="A52" s="17" t="s">
        <v>101</v>
      </c>
      <c r="B52" s="17"/>
      <c r="C52" s="13">
        <v>5877</v>
      </c>
      <c r="D52" s="19">
        <v>2927</v>
      </c>
      <c r="E52" s="19">
        <v>2950</v>
      </c>
      <c r="F52" s="19"/>
      <c r="G52" s="18" t="s">
        <v>102</v>
      </c>
      <c r="H52" s="17"/>
      <c r="I52" s="13">
        <v>1556</v>
      </c>
      <c r="J52" s="19">
        <v>524</v>
      </c>
      <c r="K52" s="19">
        <v>1032</v>
      </c>
    </row>
    <row r="53" spans="1:11" ht="20.100000000000001" customHeight="1">
      <c r="A53" s="17" t="s">
        <v>103</v>
      </c>
      <c r="B53" s="17"/>
      <c r="C53" s="13">
        <v>33025</v>
      </c>
      <c r="D53" s="14">
        <v>16651</v>
      </c>
      <c r="E53" s="14">
        <v>16374</v>
      </c>
      <c r="F53" s="14"/>
      <c r="G53" s="18" t="s">
        <v>104</v>
      </c>
      <c r="H53" s="17"/>
      <c r="I53" s="13">
        <v>4705</v>
      </c>
      <c r="J53" s="14">
        <v>1396</v>
      </c>
      <c r="K53" s="14">
        <v>3309</v>
      </c>
    </row>
    <row r="54" spans="1:11" ht="15" customHeight="1">
      <c r="A54" s="17" t="s">
        <v>105</v>
      </c>
      <c r="B54" s="17"/>
      <c r="C54" s="13">
        <v>6225</v>
      </c>
      <c r="D54" s="19">
        <v>3183</v>
      </c>
      <c r="E54" s="19">
        <v>3042</v>
      </c>
      <c r="F54" s="19"/>
      <c r="G54" s="18" t="s">
        <v>106</v>
      </c>
      <c r="H54" s="17"/>
      <c r="I54" s="13">
        <v>1313</v>
      </c>
      <c r="J54" s="19">
        <v>438</v>
      </c>
      <c r="K54" s="19">
        <v>875</v>
      </c>
    </row>
    <row r="55" spans="1:11" ht="15" customHeight="1">
      <c r="A55" s="17" t="s">
        <v>107</v>
      </c>
      <c r="B55" s="17"/>
      <c r="C55" s="13">
        <v>6380</v>
      </c>
      <c r="D55" s="19">
        <v>3210</v>
      </c>
      <c r="E55" s="19">
        <v>3170</v>
      </c>
      <c r="F55" s="19"/>
      <c r="G55" s="18" t="s">
        <v>108</v>
      </c>
      <c r="H55" s="17"/>
      <c r="I55" s="13">
        <v>1133</v>
      </c>
      <c r="J55" s="19">
        <v>347</v>
      </c>
      <c r="K55" s="19">
        <v>786</v>
      </c>
    </row>
    <row r="56" spans="1:11" ht="15" customHeight="1">
      <c r="A56" s="17" t="s">
        <v>109</v>
      </c>
      <c r="B56" s="17"/>
      <c r="C56" s="13">
        <v>6580</v>
      </c>
      <c r="D56" s="19">
        <v>3325</v>
      </c>
      <c r="E56" s="19">
        <v>3255</v>
      </c>
      <c r="F56" s="19"/>
      <c r="G56" s="18" t="s">
        <v>110</v>
      </c>
      <c r="H56" s="17"/>
      <c r="I56" s="13">
        <v>925</v>
      </c>
      <c r="J56" s="19">
        <v>263</v>
      </c>
      <c r="K56" s="19">
        <v>662</v>
      </c>
    </row>
    <row r="57" spans="1:11" ht="15" customHeight="1">
      <c r="A57" s="17" t="s">
        <v>111</v>
      </c>
      <c r="B57" s="17"/>
      <c r="C57" s="13">
        <v>6838</v>
      </c>
      <c r="D57" s="19">
        <v>3479</v>
      </c>
      <c r="E57" s="19">
        <v>3359</v>
      </c>
      <c r="F57" s="19"/>
      <c r="G57" s="18" t="s">
        <v>112</v>
      </c>
      <c r="H57" s="17"/>
      <c r="I57" s="13">
        <v>745</v>
      </c>
      <c r="J57" s="19">
        <v>207</v>
      </c>
      <c r="K57" s="19">
        <v>538</v>
      </c>
    </row>
    <row r="58" spans="1:11" ht="15" customHeight="1">
      <c r="A58" s="17" t="s">
        <v>113</v>
      </c>
      <c r="B58" s="17"/>
      <c r="C58" s="13">
        <v>7002</v>
      </c>
      <c r="D58" s="19">
        <v>3454</v>
      </c>
      <c r="E58" s="19">
        <v>3548</v>
      </c>
      <c r="F58" s="19"/>
      <c r="G58" s="18" t="s">
        <v>114</v>
      </c>
      <c r="H58" s="17"/>
      <c r="I58" s="13">
        <v>589</v>
      </c>
      <c r="J58" s="19">
        <v>141</v>
      </c>
      <c r="K58" s="19">
        <v>448</v>
      </c>
    </row>
    <row r="59" spans="1:11" ht="20.100000000000001" customHeight="1">
      <c r="A59" s="17" t="s">
        <v>115</v>
      </c>
      <c r="B59" s="17"/>
      <c r="C59" s="13">
        <v>38329</v>
      </c>
      <c r="D59" s="14">
        <v>19337</v>
      </c>
      <c r="E59" s="14">
        <v>18992</v>
      </c>
      <c r="F59" s="14"/>
      <c r="G59" s="18" t="s">
        <v>116</v>
      </c>
      <c r="H59" s="17"/>
      <c r="I59" s="13">
        <v>1250</v>
      </c>
      <c r="J59" s="14">
        <v>249</v>
      </c>
      <c r="K59" s="14">
        <v>1001</v>
      </c>
    </row>
    <row r="60" spans="1:11" ht="15" customHeight="1">
      <c r="A60" s="17" t="s">
        <v>117</v>
      </c>
      <c r="B60" s="17"/>
      <c r="C60" s="13">
        <v>7451</v>
      </c>
      <c r="D60" s="19">
        <v>3808</v>
      </c>
      <c r="E60" s="19">
        <v>3643</v>
      </c>
      <c r="F60" s="19"/>
      <c r="G60" s="18" t="s">
        <v>118</v>
      </c>
      <c r="H60" s="17"/>
      <c r="I60" s="13">
        <v>443</v>
      </c>
      <c r="J60" s="19">
        <v>97</v>
      </c>
      <c r="K60" s="19">
        <v>346</v>
      </c>
    </row>
    <row r="61" spans="1:11" ht="15" customHeight="1">
      <c r="A61" s="17" t="s">
        <v>119</v>
      </c>
      <c r="B61" s="17"/>
      <c r="C61" s="13">
        <v>7994</v>
      </c>
      <c r="D61" s="19">
        <v>3984</v>
      </c>
      <c r="E61" s="19">
        <v>4010</v>
      </c>
      <c r="F61" s="19"/>
      <c r="G61" s="18" t="s">
        <v>120</v>
      </c>
      <c r="H61" s="17"/>
      <c r="I61" s="13">
        <v>315</v>
      </c>
      <c r="J61" s="19">
        <v>71</v>
      </c>
      <c r="K61" s="19">
        <v>244</v>
      </c>
    </row>
    <row r="62" spans="1:11" ht="15" customHeight="1">
      <c r="A62" s="17" t="s">
        <v>121</v>
      </c>
      <c r="B62" s="17"/>
      <c r="C62" s="13">
        <v>7708</v>
      </c>
      <c r="D62" s="19">
        <v>3908</v>
      </c>
      <c r="E62" s="19">
        <v>3800</v>
      </c>
      <c r="F62" s="19"/>
      <c r="G62" s="18" t="s">
        <v>122</v>
      </c>
      <c r="H62" s="17"/>
      <c r="I62" s="13">
        <v>218</v>
      </c>
      <c r="J62" s="19">
        <v>39</v>
      </c>
      <c r="K62" s="19">
        <v>179</v>
      </c>
    </row>
    <row r="63" spans="1:11" ht="15" customHeight="1">
      <c r="A63" s="17" t="s">
        <v>123</v>
      </c>
      <c r="B63" s="17"/>
      <c r="C63" s="13">
        <v>7670</v>
      </c>
      <c r="D63" s="19">
        <v>3863</v>
      </c>
      <c r="E63" s="19">
        <v>3807</v>
      </c>
      <c r="F63" s="19"/>
      <c r="G63" s="18" t="s">
        <v>124</v>
      </c>
      <c r="H63" s="17"/>
      <c r="I63" s="13">
        <v>178</v>
      </c>
      <c r="J63" s="19">
        <v>30</v>
      </c>
      <c r="K63" s="19">
        <v>148</v>
      </c>
    </row>
    <row r="64" spans="1:11" ht="15" customHeight="1">
      <c r="A64" s="17" t="s">
        <v>125</v>
      </c>
      <c r="B64" s="17"/>
      <c r="C64" s="13">
        <v>7506</v>
      </c>
      <c r="D64" s="19">
        <v>3774</v>
      </c>
      <c r="E64" s="19">
        <v>3732</v>
      </c>
      <c r="F64" s="19"/>
      <c r="G64" s="18" t="s">
        <v>126</v>
      </c>
      <c r="H64" s="17"/>
      <c r="I64" s="13">
        <v>96</v>
      </c>
      <c r="J64" s="19">
        <v>12</v>
      </c>
      <c r="K64" s="19">
        <v>8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22</v>
      </c>
      <c r="J65" s="19">
        <v>41</v>
      </c>
      <c r="K65" s="19">
        <v>18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91</v>
      </c>
      <c r="J66" s="29">
        <v>157</v>
      </c>
      <c r="K66" s="29">
        <v>3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3985</v>
      </c>
      <c r="D4" s="14">
        <v>52588</v>
      </c>
      <c r="E4" s="14">
        <v>5139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158</v>
      </c>
      <c r="D5" s="14">
        <v>2117</v>
      </c>
      <c r="E5" s="14">
        <v>2041</v>
      </c>
      <c r="F5" s="14"/>
      <c r="G5" s="18" t="s">
        <v>8</v>
      </c>
      <c r="H5" s="17"/>
      <c r="I5" s="13">
        <v>8399</v>
      </c>
      <c r="J5" s="14">
        <v>4491</v>
      </c>
      <c r="K5" s="14">
        <v>3908</v>
      </c>
    </row>
    <row r="6" spans="1:11" ht="15" customHeight="1">
      <c r="A6" s="17" t="s">
        <v>9</v>
      </c>
      <c r="B6" s="17"/>
      <c r="C6" s="13">
        <v>874</v>
      </c>
      <c r="D6" s="19">
        <v>436</v>
      </c>
      <c r="E6" s="19">
        <v>438</v>
      </c>
      <c r="F6" s="19"/>
      <c r="G6" s="18" t="s">
        <v>10</v>
      </c>
      <c r="H6" s="17"/>
      <c r="I6" s="13">
        <v>1867</v>
      </c>
      <c r="J6" s="19">
        <v>967</v>
      </c>
      <c r="K6" s="19">
        <v>900</v>
      </c>
    </row>
    <row r="7" spans="1:11" ht="15" customHeight="1">
      <c r="A7" s="17" t="s">
        <v>11</v>
      </c>
      <c r="B7" s="17"/>
      <c r="C7" s="13">
        <v>803</v>
      </c>
      <c r="D7" s="19">
        <v>425</v>
      </c>
      <c r="E7" s="19">
        <v>378</v>
      </c>
      <c r="F7" s="19"/>
      <c r="G7" s="18" t="s">
        <v>12</v>
      </c>
      <c r="H7" s="17"/>
      <c r="I7" s="13">
        <v>1810</v>
      </c>
      <c r="J7" s="19">
        <v>976</v>
      </c>
      <c r="K7" s="19">
        <v>834</v>
      </c>
    </row>
    <row r="8" spans="1:11" ht="15" customHeight="1">
      <c r="A8" s="17" t="s">
        <v>13</v>
      </c>
      <c r="B8" s="17"/>
      <c r="C8" s="13">
        <v>824</v>
      </c>
      <c r="D8" s="19">
        <v>424</v>
      </c>
      <c r="E8" s="19">
        <v>400</v>
      </c>
      <c r="F8" s="19"/>
      <c r="G8" s="18" t="s">
        <v>14</v>
      </c>
      <c r="H8" s="17"/>
      <c r="I8" s="13">
        <v>1803</v>
      </c>
      <c r="J8" s="19">
        <v>962</v>
      </c>
      <c r="K8" s="19">
        <v>841</v>
      </c>
    </row>
    <row r="9" spans="1:11" ht="15" customHeight="1">
      <c r="A9" s="17" t="s">
        <v>15</v>
      </c>
      <c r="B9" s="17"/>
      <c r="C9" s="13">
        <v>879</v>
      </c>
      <c r="D9" s="19">
        <v>429</v>
      </c>
      <c r="E9" s="19">
        <v>450</v>
      </c>
      <c r="F9" s="19"/>
      <c r="G9" s="18" t="s">
        <v>16</v>
      </c>
      <c r="H9" s="17"/>
      <c r="I9" s="13">
        <v>1373</v>
      </c>
      <c r="J9" s="19">
        <v>747</v>
      </c>
      <c r="K9" s="19">
        <v>626</v>
      </c>
    </row>
    <row r="10" spans="1:11" ht="15" customHeight="1">
      <c r="A10" s="17" t="s">
        <v>17</v>
      </c>
      <c r="B10" s="17"/>
      <c r="C10" s="13">
        <v>778</v>
      </c>
      <c r="D10" s="19">
        <v>403</v>
      </c>
      <c r="E10" s="19">
        <v>375</v>
      </c>
      <c r="F10" s="19"/>
      <c r="G10" s="18" t="s">
        <v>18</v>
      </c>
      <c r="H10" s="17"/>
      <c r="I10" s="13">
        <v>1546</v>
      </c>
      <c r="J10" s="19">
        <v>839</v>
      </c>
      <c r="K10" s="19">
        <v>707</v>
      </c>
    </row>
    <row r="11" spans="1:11" ht="20.100000000000001" customHeight="1">
      <c r="A11" s="17" t="s">
        <v>19</v>
      </c>
      <c r="B11" s="17"/>
      <c r="C11" s="13">
        <v>3846</v>
      </c>
      <c r="D11" s="14">
        <v>1932</v>
      </c>
      <c r="E11" s="14">
        <v>1914</v>
      </c>
      <c r="F11" s="14"/>
      <c r="G11" s="18" t="s">
        <v>20</v>
      </c>
      <c r="H11" s="17"/>
      <c r="I11" s="13">
        <v>6345</v>
      </c>
      <c r="J11" s="14">
        <v>3331</v>
      </c>
      <c r="K11" s="14">
        <v>3014</v>
      </c>
    </row>
    <row r="12" spans="1:11" ht="15" customHeight="1">
      <c r="A12" s="17" t="s">
        <v>21</v>
      </c>
      <c r="B12" s="17"/>
      <c r="C12" s="13">
        <v>772</v>
      </c>
      <c r="D12" s="19">
        <v>392</v>
      </c>
      <c r="E12" s="19">
        <v>380</v>
      </c>
      <c r="F12" s="19"/>
      <c r="G12" s="18" t="s">
        <v>22</v>
      </c>
      <c r="H12" s="17"/>
      <c r="I12" s="13">
        <v>1451</v>
      </c>
      <c r="J12" s="19">
        <v>755</v>
      </c>
      <c r="K12" s="19">
        <v>696</v>
      </c>
    </row>
    <row r="13" spans="1:11" ht="15" customHeight="1">
      <c r="A13" s="17" t="s">
        <v>23</v>
      </c>
      <c r="B13" s="17"/>
      <c r="C13" s="13">
        <v>797</v>
      </c>
      <c r="D13" s="19">
        <v>412</v>
      </c>
      <c r="E13" s="19">
        <v>385</v>
      </c>
      <c r="F13" s="19"/>
      <c r="G13" s="18" t="s">
        <v>24</v>
      </c>
      <c r="H13" s="17"/>
      <c r="I13" s="13">
        <v>1332</v>
      </c>
      <c r="J13" s="19">
        <v>708</v>
      </c>
      <c r="K13" s="19">
        <v>624</v>
      </c>
    </row>
    <row r="14" spans="1:11" ht="15" customHeight="1">
      <c r="A14" s="17" t="s">
        <v>25</v>
      </c>
      <c r="B14" s="17"/>
      <c r="C14" s="13">
        <v>757</v>
      </c>
      <c r="D14" s="19">
        <v>370</v>
      </c>
      <c r="E14" s="19">
        <v>387</v>
      </c>
      <c r="F14" s="19"/>
      <c r="G14" s="18" t="s">
        <v>26</v>
      </c>
      <c r="H14" s="17"/>
      <c r="I14" s="13">
        <v>1326</v>
      </c>
      <c r="J14" s="19">
        <v>703</v>
      </c>
      <c r="K14" s="19">
        <v>623</v>
      </c>
    </row>
    <row r="15" spans="1:11" ht="15" customHeight="1">
      <c r="A15" s="17" t="s">
        <v>27</v>
      </c>
      <c r="B15" s="17"/>
      <c r="C15" s="13">
        <v>751</v>
      </c>
      <c r="D15" s="19">
        <v>364</v>
      </c>
      <c r="E15" s="19">
        <v>387</v>
      </c>
      <c r="F15" s="19"/>
      <c r="G15" s="18" t="s">
        <v>28</v>
      </c>
      <c r="H15" s="17"/>
      <c r="I15" s="13">
        <v>1156</v>
      </c>
      <c r="J15" s="19">
        <v>616</v>
      </c>
      <c r="K15" s="19">
        <v>540</v>
      </c>
    </row>
    <row r="16" spans="1:11" ht="15" customHeight="1">
      <c r="A16" s="17" t="s">
        <v>29</v>
      </c>
      <c r="B16" s="17"/>
      <c r="C16" s="13">
        <v>769</v>
      </c>
      <c r="D16" s="19">
        <v>394</v>
      </c>
      <c r="E16" s="19">
        <v>375</v>
      </c>
      <c r="F16" s="19"/>
      <c r="G16" s="18" t="s">
        <v>30</v>
      </c>
      <c r="H16" s="17"/>
      <c r="I16" s="13">
        <v>1080</v>
      </c>
      <c r="J16" s="19">
        <v>549</v>
      </c>
      <c r="K16" s="19">
        <v>531</v>
      </c>
    </row>
    <row r="17" spans="1:11" ht="20.100000000000001" customHeight="1">
      <c r="A17" s="20" t="s">
        <v>31</v>
      </c>
      <c r="B17" s="20"/>
      <c r="C17" s="13">
        <v>3444</v>
      </c>
      <c r="D17" s="14">
        <v>1792</v>
      </c>
      <c r="E17" s="14">
        <v>1652</v>
      </c>
      <c r="F17" s="14"/>
      <c r="G17" s="18" t="s">
        <v>32</v>
      </c>
      <c r="H17" s="17"/>
      <c r="I17" s="13">
        <v>5130</v>
      </c>
      <c r="J17" s="14">
        <v>2650</v>
      </c>
      <c r="K17" s="14">
        <v>2480</v>
      </c>
    </row>
    <row r="18" spans="1:11" ht="15" customHeight="1">
      <c r="A18" s="17" t="s">
        <v>33</v>
      </c>
      <c r="B18" s="17"/>
      <c r="C18" s="13">
        <v>724</v>
      </c>
      <c r="D18" s="19">
        <v>377</v>
      </c>
      <c r="E18" s="19">
        <v>347</v>
      </c>
      <c r="F18" s="19"/>
      <c r="G18" s="18" t="s">
        <v>34</v>
      </c>
      <c r="H18" s="17"/>
      <c r="I18" s="13">
        <v>1150</v>
      </c>
      <c r="J18" s="19">
        <v>605</v>
      </c>
      <c r="K18" s="19">
        <v>545</v>
      </c>
    </row>
    <row r="19" spans="1:11" ht="15" customHeight="1">
      <c r="A19" s="17" t="s">
        <v>35</v>
      </c>
      <c r="B19" s="17"/>
      <c r="C19" s="13">
        <v>685</v>
      </c>
      <c r="D19" s="19">
        <v>360</v>
      </c>
      <c r="E19" s="19">
        <v>325</v>
      </c>
      <c r="F19" s="19"/>
      <c r="G19" s="18" t="s">
        <v>36</v>
      </c>
      <c r="H19" s="17"/>
      <c r="I19" s="13">
        <v>1099</v>
      </c>
      <c r="J19" s="19">
        <v>559</v>
      </c>
      <c r="K19" s="19">
        <v>540</v>
      </c>
    </row>
    <row r="20" spans="1:11" ht="15" customHeight="1">
      <c r="A20" s="17" t="s">
        <v>37</v>
      </c>
      <c r="B20" s="17"/>
      <c r="C20" s="13">
        <v>715</v>
      </c>
      <c r="D20" s="19">
        <v>369</v>
      </c>
      <c r="E20" s="19">
        <v>346</v>
      </c>
      <c r="F20" s="19"/>
      <c r="G20" s="18" t="s">
        <v>38</v>
      </c>
      <c r="H20" s="17"/>
      <c r="I20" s="13">
        <v>961</v>
      </c>
      <c r="J20" s="19">
        <v>472</v>
      </c>
      <c r="K20" s="19">
        <v>489</v>
      </c>
    </row>
    <row r="21" spans="1:11" ht="15" customHeight="1">
      <c r="A21" s="17" t="s">
        <v>39</v>
      </c>
      <c r="B21" s="17"/>
      <c r="C21" s="13">
        <v>641</v>
      </c>
      <c r="D21" s="19">
        <v>331</v>
      </c>
      <c r="E21" s="19">
        <v>310</v>
      </c>
      <c r="F21" s="19"/>
      <c r="G21" s="18" t="s">
        <v>40</v>
      </c>
      <c r="H21" s="17"/>
      <c r="I21" s="13">
        <v>925</v>
      </c>
      <c r="J21" s="19">
        <v>490</v>
      </c>
      <c r="K21" s="19">
        <v>435</v>
      </c>
    </row>
    <row r="22" spans="1:11" ht="15" customHeight="1">
      <c r="A22" s="17" t="s">
        <v>41</v>
      </c>
      <c r="B22" s="17"/>
      <c r="C22" s="13">
        <v>679</v>
      </c>
      <c r="D22" s="19">
        <v>355</v>
      </c>
      <c r="E22" s="19">
        <v>324</v>
      </c>
      <c r="F22" s="19"/>
      <c r="G22" s="18" t="s">
        <v>42</v>
      </c>
      <c r="H22" s="17"/>
      <c r="I22" s="13">
        <v>995</v>
      </c>
      <c r="J22" s="19">
        <v>524</v>
      </c>
      <c r="K22" s="19">
        <v>471</v>
      </c>
    </row>
    <row r="23" spans="1:11" ht="20.100000000000001" customHeight="1">
      <c r="A23" s="17" t="s">
        <v>43</v>
      </c>
      <c r="B23" s="17"/>
      <c r="C23" s="13">
        <v>3501</v>
      </c>
      <c r="D23" s="14">
        <v>1757</v>
      </c>
      <c r="E23" s="14">
        <v>1744</v>
      </c>
      <c r="F23" s="14"/>
      <c r="G23" s="18" t="s">
        <v>44</v>
      </c>
      <c r="H23" s="17"/>
      <c r="I23" s="13">
        <v>4862</v>
      </c>
      <c r="J23" s="14">
        <v>2468</v>
      </c>
      <c r="K23" s="14">
        <v>2394</v>
      </c>
    </row>
    <row r="24" spans="1:11" ht="15" customHeight="1">
      <c r="A24" s="17" t="s">
        <v>45</v>
      </c>
      <c r="B24" s="17"/>
      <c r="C24" s="13">
        <v>672</v>
      </c>
      <c r="D24" s="19">
        <v>341</v>
      </c>
      <c r="E24" s="19">
        <v>331</v>
      </c>
      <c r="F24" s="19"/>
      <c r="G24" s="18" t="s">
        <v>46</v>
      </c>
      <c r="H24" s="17"/>
      <c r="I24" s="13">
        <v>906</v>
      </c>
      <c r="J24" s="19">
        <v>459</v>
      </c>
      <c r="K24" s="19">
        <v>447</v>
      </c>
    </row>
    <row r="25" spans="1:11" ht="15" customHeight="1">
      <c r="A25" s="17" t="s">
        <v>47</v>
      </c>
      <c r="B25" s="17"/>
      <c r="C25" s="13">
        <v>668</v>
      </c>
      <c r="D25" s="19">
        <v>361</v>
      </c>
      <c r="E25" s="19">
        <v>307</v>
      </c>
      <c r="F25" s="19"/>
      <c r="G25" s="18" t="s">
        <v>48</v>
      </c>
      <c r="H25" s="17"/>
      <c r="I25" s="13">
        <v>911</v>
      </c>
      <c r="J25" s="19">
        <v>448</v>
      </c>
      <c r="K25" s="19">
        <v>463</v>
      </c>
    </row>
    <row r="26" spans="1:11" ht="15" customHeight="1">
      <c r="A26" s="17" t="s">
        <v>49</v>
      </c>
      <c r="B26" s="17"/>
      <c r="C26" s="13">
        <v>680</v>
      </c>
      <c r="D26" s="19">
        <v>346</v>
      </c>
      <c r="E26" s="19">
        <v>334</v>
      </c>
      <c r="F26" s="19"/>
      <c r="G26" s="18" t="s">
        <v>50</v>
      </c>
      <c r="H26" s="17"/>
      <c r="I26" s="13">
        <v>996</v>
      </c>
      <c r="J26" s="19">
        <v>525</v>
      </c>
      <c r="K26" s="19">
        <v>471</v>
      </c>
    </row>
    <row r="27" spans="1:11" ht="15" customHeight="1">
      <c r="A27" s="17" t="s">
        <v>51</v>
      </c>
      <c r="B27" s="17"/>
      <c r="C27" s="13">
        <v>650</v>
      </c>
      <c r="D27" s="19">
        <v>315</v>
      </c>
      <c r="E27" s="19">
        <v>335</v>
      </c>
      <c r="F27" s="19"/>
      <c r="G27" s="18" t="s">
        <v>52</v>
      </c>
      <c r="H27" s="17"/>
      <c r="I27" s="13">
        <v>982</v>
      </c>
      <c r="J27" s="19">
        <v>479</v>
      </c>
      <c r="K27" s="19">
        <v>503</v>
      </c>
    </row>
    <row r="28" spans="1:11" ht="15" customHeight="1">
      <c r="A28" s="17" t="s">
        <v>53</v>
      </c>
      <c r="B28" s="17"/>
      <c r="C28" s="13">
        <v>831</v>
      </c>
      <c r="D28" s="19">
        <v>394</v>
      </c>
      <c r="E28" s="19">
        <v>437</v>
      </c>
      <c r="F28" s="19"/>
      <c r="G28" s="18" t="s">
        <v>54</v>
      </c>
      <c r="H28" s="17"/>
      <c r="I28" s="13">
        <v>1067</v>
      </c>
      <c r="J28" s="19">
        <v>557</v>
      </c>
      <c r="K28" s="19">
        <v>510</v>
      </c>
    </row>
    <row r="29" spans="1:11" ht="20.100000000000001" customHeight="1">
      <c r="A29" s="17" t="s">
        <v>55</v>
      </c>
      <c r="B29" s="17"/>
      <c r="C29" s="13">
        <v>5626</v>
      </c>
      <c r="D29" s="14">
        <v>2917</v>
      </c>
      <c r="E29" s="14">
        <v>2709</v>
      </c>
      <c r="F29" s="14"/>
      <c r="G29" s="18" t="s">
        <v>56</v>
      </c>
      <c r="H29" s="17"/>
      <c r="I29" s="13">
        <v>5028</v>
      </c>
      <c r="J29" s="14">
        <v>2421</v>
      </c>
      <c r="K29" s="14">
        <v>2607</v>
      </c>
    </row>
    <row r="30" spans="1:11" ht="15" customHeight="1">
      <c r="A30" s="17" t="s">
        <v>57</v>
      </c>
      <c r="B30" s="17"/>
      <c r="C30" s="13">
        <v>812</v>
      </c>
      <c r="D30" s="19">
        <v>414</v>
      </c>
      <c r="E30" s="19">
        <v>398</v>
      </c>
      <c r="F30" s="19"/>
      <c r="G30" s="18" t="s">
        <v>58</v>
      </c>
      <c r="H30" s="17"/>
      <c r="I30" s="13">
        <v>1177</v>
      </c>
      <c r="J30" s="19">
        <v>583</v>
      </c>
      <c r="K30" s="19">
        <v>594</v>
      </c>
    </row>
    <row r="31" spans="1:11" ht="15" customHeight="1">
      <c r="A31" s="17" t="s">
        <v>59</v>
      </c>
      <c r="B31" s="17"/>
      <c r="C31" s="13">
        <v>933</v>
      </c>
      <c r="D31" s="19">
        <v>477</v>
      </c>
      <c r="E31" s="19">
        <v>456</v>
      </c>
      <c r="F31" s="19"/>
      <c r="G31" s="18" t="s">
        <v>60</v>
      </c>
      <c r="H31" s="17"/>
      <c r="I31" s="13">
        <v>1223</v>
      </c>
      <c r="J31" s="19">
        <v>595</v>
      </c>
      <c r="K31" s="19">
        <v>628</v>
      </c>
    </row>
    <row r="32" spans="1:11" ht="15" customHeight="1">
      <c r="A32" s="17" t="s">
        <v>61</v>
      </c>
      <c r="B32" s="17"/>
      <c r="C32" s="13">
        <v>1056</v>
      </c>
      <c r="D32" s="19">
        <v>537</v>
      </c>
      <c r="E32" s="19">
        <v>519</v>
      </c>
      <c r="F32" s="19"/>
      <c r="G32" s="18" t="s">
        <v>62</v>
      </c>
      <c r="H32" s="17"/>
      <c r="I32" s="13">
        <v>1212</v>
      </c>
      <c r="J32" s="19">
        <v>569</v>
      </c>
      <c r="K32" s="19">
        <v>643</v>
      </c>
    </row>
    <row r="33" spans="1:11" ht="15" customHeight="1">
      <c r="A33" s="17" t="s">
        <v>63</v>
      </c>
      <c r="B33" s="17"/>
      <c r="C33" s="13">
        <v>1368</v>
      </c>
      <c r="D33" s="19">
        <v>733</v>
      </c>
      <c r="E33" s="19">
        <v>635</v>
      </c>
      <c r="F33" s="19"/>
      <c r="G33" s="18" t="s">
        <v>64</v>
      </c>
      <c r="H33" s="17"/>
      <c r="I33" s="13">
        <v>733</v>
      </c>
      <c r="J33" s="19">
        <v>357</v>
      </c>
      <c r="K33" s="19">
        <v>376</v>
      </c>
    </row>
    <row r="34" spans="1:11" ht="15" customHeight="1">
      <c r="A34" s="17" t="s">
        <v>65</v>
      </c>
      <c r="B34" s="17"/>
      <c r="C34" s="13">
        <v>1457</v>
      </c>
      <c r="D34" s="19">
        <v>756</v>
      </c>
      <c r="E34" s="19">
        <v>701</v>
      </c>
      <c r="F34" s="19"/>
      <c r="G34" s="18" t="s">
        <v>66</v>
      </c>
      <c r="H34" s="17"/>
      <c r="I34" s="13">
        <v>683</v>
      </c>
      <c r="J34" s="19">
        <v>317</v>
      </c>
      <c r="K34" s="19">
        <v>366</v>
      </c>
    </row>
    <row r="35" spans="1:11" ht="20.100000000000001" customHeight="1">
      <c r="A35" s="17" t="s">
        <v>67</v>
      </c>
      <c r="B35" s="17"/>
      <c r="C35" s="13">
        <v>7404</v>
      </c>
      <c r="D35" s="14">
        <v>3825</v>
      </c>
      <c r="E35" s="14">
        <v>3579</v>
      </c>
      <c r="F35" s="14"/>
      <c r="G35" s="18" t="s">
        <v>68</v>
      </c>
      <c r="H35" s="17"/>
      <c r="I35" s="13">
        <v>3898</v>
      </c>
      <c r="J35" s="14">
        <v>1700</v>
      </c>
      <c r="K35" s="14">
        <v>2198</v>
      </c>
    </row>
    <row r="36" spans="1:11" ht="15" customHeight="1">
      <c r="A36" s="17" t="s">
        <v>69</v>
      </c>
      <c r="B36" s="17"/>
      <c r="C36" s="13">
        <v>1523</v>
      </c>
      <c r="D36" s="19">
        <v>798</v>
      </c>
      <c r="E36" s="19">
        <v>725</v>
      </c>
      <c r="F36" s="19"/>
      <c r="G36" s="18" t="s">
        <v>70</v>
      </c>
      <c r="H36" s="17"/>
      <c r="I36" s="13">
        <v>867</v>
      </c>
      <c r="J36" s="19">
        <v>371</v>
      </c>
      <c r="K36" s="19">
        <v>496</v>
      </c>
    </row>
    <row r="37" spans="1:11" ht="15" customHeight="1">
      <c r="A37" s="17" t="s">
        <v>71</v>
      </c>
      <c r="B37" s="17"/>
      <c r="C37" s="13">
        <v>1408</v>
      </c>
      <c r="D37" s="19">
        <v>732</v>
      </c>
      <c r="E37" s="19">
        <v>676</v>
      </c>
      <c r="F37" s="19"/>
      <c r="G37" s="18" t="s">
        <v>72</v>
      </c>
      <c r="H37" s="17"/>
      <c r="I37" s="13">
        <v>801</v>
      </c>
      <c r="J37" s="19">
        <v>380</v>
      </c>
      <c r="K37" s="19">
        <v>421</v>
      </c>
    </row>
    <row r="38" spans="1:11" ht="15" customHeight="1">
      <c r="A38" s="17" t="s">
        <v>73</v>
      </c>
      <c r="B38" s="17"/>
      <c r="C38" s="13">
        <v>1503</v>
      </c>
      <c r="D38" s="19">
        <v>778</v>
      </c>
      <c r="E38" s="19">
        <v>725</v>
      </c>
      <c r="F38" s="19"/>
      <c r="G38" s="18" t="s">
        <v>74</v>
      </c>
      <c r="H38" s="17"/>
      <c r="I38" s="13">
        <v>779</v>
      </c>
      <c r="J38" s="19">
        <v>348</v>
      </c>
      <c r="K38" s="19">
        <v>431</v>
      </c>
    </row>
    <row r="39" spans="1:11" ht="15" customHeight="1">
      <c r="A39" s="17" t="s">
        <v>75</v>
      </c>
      <c r="B39" s="17"/>
      <c r="C39" s="13">
        <v>1509</v>
      </c>
      <c r="D39" s="19">
        <v>745</v>
      </c>
      <c r="E39" s="19">
        <v>764</v>
      </c>
      <c r="F39" s="19"/>
      <c r="G39" s="18" t="s">
        <v>76</v>
      </c>
      <c r="H39" s="17"/>
      <c r="I39" s="13">
        <v>753</v>
      </c>
      <c r="J39" s="19">
        <v>334</v>
      </c>
      <c r="K39" s="19">
        <v>419</v>
      </c>
    </row>
    <row r="40" spans="1:11" ht="15" customHeight="1">
      <c r="A40" s="17" t="s">
        <v>77</v>
      </c>
      <c r="B40" s="17"/>
      <c r="C40" s="13">
        <v>1461</v>
      </c>
      <c r="D40" s="19">
        <v>772</v>
      </c>
      <c r="E40" s="19">
        <v>689</v>
      </c>
      <c r="F40" s="19"/>
      <c r="G40" s="18" t="s">
        <v>78</v>
      </c>
      <c r="H40" s="17"/>
      <c r="I40" s="13">
        <v>698</v>
      </c>
      <c r="J40" s="19">
        <v>267</v>
      </c>
      <c r="K40" s="19">
        <v>431</v>
      </c>
    </row>
    <row r="41" spans="1:11" ht="20.100000000000001" customHeight="1">
      <c r="A41" s="17" t="s">
        <v>79</v>
      </c>
      <c r="B41" s="17"/>
      <c r="C41" s="13">
        <v>7886</v>
      </c>
      <c r="D41" s="14">
        <v>4148</v>
      </c>
      <c r="E41" s="14">
        <v>3738</v>
      </c>
      <c r="F41" s="14"/>
      <c r="G41" s="18" t="s">
        <v>80</v>
      </c>
      <c r="H41" s="17"/>
      <c r="I41" s="13">
        <v>2850</v>
      </c>
      <c r="J41" s="14">
        <v>1109</v>
      </c>
      <c r="K41" s="14">
        <v>1741</v>
      </c>
    </row>
    <row r="42" spans="1:11" ht="15" customHeight="1">
      <c r="A42" s="17" t="s">
        <v>81</v>
      </c>
      <c r="B42" s="17"/>
      <c r="C42" s="13">
        <v>1425</v>
      </c>
      <c r="D42" s="19">
        <v>741</v>
      </c>
      <c r="E42" s="19">
        <v>684</v>
      </c>
      <c r="F42" s="19"/>
      <c r="G42" s="18" t="s">
        <v>82</v>
      </c>
      <c r="H42" s="17"/>
      <c r="I42" s="13">
        <v>594</v>
      </c>
      <c r="J42" s="19">
        <v>258</v>
      </c>
      <c r="K42" s="19">
        <v>336</v>
      </c>
    </row>
    <row r="43" spans="1:11" ht="15" customHeight="1">
      <c r="A43" s="17" t="s">
        <v>83</v>
      </c>
      <c r="B43" s="17"/>
      <c r="C43" s="13">
        <v>1578</v>
      </c>
      <c r="D43" s="19">
        <v>840</v>
      </c>
      <c r="E43" s="19">
        <v>738</v>
      </c>
      <c r="F43" s="19"/>
      <c r="G43" s="18" t="s">
        <v>84</v>
      </c>
      <c r="H43" s="17"/>
      <c r="I43" s="13">
        <v>551</v>
      </c>
      <c r="J43" s="19">
        <v>216</v>
      </c>
      <c r="K43" s="19">
        <v>335</v>
      </c>
    </row>
    <row r="44" spans="1:11" ht="15" customHeight="1">
      <c r="A44" s="17" t="s">
        <v>85</v>
      </c>
      <c r="B44" s="17"/>
      <c r="C44" s="13">
        <v>1610</v>
      </c>
      <c r="D44" s="19">
        <v>885</v>
      </c>
      <c r="E44" s="19">
        <v>725</v>
      </c>
      <c r="F44" s="19"/>
      <c r="G44" s="18" t="s">
        <v>86</v>
      </c>
      <c r="H44" s="17"/>
      <c r="I44" s="13">
        <v>602</v>
      </c>
      <c r="J44" s="19">
        <v>224</v>
      </c>
      <c r="K44" s="19">
        <v>378</v>
      </c>
    </row>
    <row r="45" spans="1:11" ht="15" customHeight="1">
      <c r="A45" s="17" t="s">
        <v>87</v>
      </c>
      <c r="B45" s="17"/>
      <c r="C45" s="13">
        <v>1638</v>
      </c>
      <c r="D45" s="19">
        <v>843</v>
      </c>
      <c r="E45" s="19">
        <v>795</v>
      </c>
      <c r="F45" s="19"/>
      <c r="G45" s="18" t="s">
        <v>88</v>
      </c>
      <c r="H45" s="17"/>
      <c r="I45" s="13">
        <v>537</v>
      </c>
      <c r="J45" s="19">
        <v>202</v>
      </c>
      <c r="K45" s="19">
        <v>335</v>
      </c>
    </row>
    <row r="46" spans="1:11" ht="15" customHeight="1">
      <c r="A46" s="17" t="s">
        <v>89</v>
      </c>
      <c r="B46" s="17"/>
      <c r="C46" s="13">
        <v>1635</v>
      </c>
      <c r="D46" s="19">
        <v>839</v>
      </c>
      <c r="E46" s="19">
        <v>796</v>
      </c>
      <c r="F46" s="19"/>
      <c r="G46" s="18" t="s">
        <v>90</v>
      </c>
      <c r="H46" s="17"/>
      <c r="I46" s="13">
        <v>566</v>
      </c>
      <c r="J46" s="19">
        <v>209</v>
      </c>
      <c r="K46" s="19">
        <v>357</v>
      </c>
    </row>
    <row r="47" spans="1:11" ht="20.100000000000001" customHeight="1">
      <c r="A47" s="17" t="s">
        <v>91</v>
      </c>
      <c r="B47" s="17"/>
      <c r="C47" s="13">
        <v>8435</v>
      </c>
      <c r="D47" s="14">
        <v>4435</v>
      </c>
      <c r="E47" s="14">
        <v>4000</v>
      </c>
      <c r="F47" s="14"/>
      <c r="G47" s="18" t="s">
        <v>92</v>
      </c>
      <c r="H47" s="17"/>
      <c r="I47" s="13">
        <v>2075</v>
      </c>
      <c r="J47" s="14">
        <v>676</v>
      </c>
      <c r="K47" s="14">
        <v>1399</v>
      </c>
    </row>
    <row r="48" spans="1:11" ht="15" customHeight="1">
      <c r="A48" s="17" t="s">
        <v>93</v>
      </c>
      <c r="B48" s="17"/>
      <c r="C48" s="13">
        <v>1698</v>
      </c>
      <c r="D48" s="19">
        <v>948</v>
      </c>
      <c r="E48" s="19">
        <v>750</v>
      </c>
      <c r="F48" s="19"/>
      <c r="G48" s="18" t="s">
        <v>94</v>
      </c>
      <c r="H48" s="17"/>
      <c r="I48" s="13">
        <v>530</v>
      </c>
      <c r="J48" s="19">
        <v>177</v>
      </c>
      <c r="K48" s="19">
        <v>353</v>
      </c>
    </row>
    <row r="49" spans="1:11" ht="15" customHeight="1">
      <c r="A49" s="17" t="s">
        <v>95</v>
      </c>
      <c r="B49" s="17"/>
      <c r="C49" s="13">
        <v>1666</v>
      </c>
      <c r="D49" s="19">
        <v>874</v>
      </c>
      <c r="E49" s="19">
        <v>792</v>
      </c>
      <c r="F49" s="19"/>
      <c r="G49" s="18" t="s">
        <v>96</v>
      </c>
      <c r="H49" s="17"/>
      <c r="I49" s="13">
        <v>433</v>
      </c>
      <c r="J49" s="19">
        <v>141</v>
      </c>
      <c r="K49" s="19">
        <v>292</v>
      </c>
    </row>
    <row r="50" spans="1:11" ht="15" customHeight="1">
      <c r="A50" s="17" t="s">
        <v>97</v>
      </c>
      <c r="B50" s="17"/>
      <c r="C50" s="13">
        <v>1666</v>
      </c>
      <c r="D50" s="19">
        <v>840</v>
      </c>
      <c r="E50" s="19">
        <v>826</v>
      </c>
      <c r="F50" s="19"/>
      <c r="G50" s="18" t="s">
        <v>98</v>
      </c>
      <c r="H50" s="17"/>
      <c r="I50" s="13">
        <v>410</v>
      </c>
      <c r="J50" s="19">
        <v>142</v>
      </c>
      <c r="K50" s="19">
        <v>268</v>
      </c>
    </row>
    <row r="51" spans="1:11" ht="15" customHeight="1">
      <c r="A51" s="17" t="s">
        <v>99</v>
      </c>
      <c r="B51" s="17"/>
      <c r="C51" s="13">
        <v>1686</v>
      </c>
      <c r="D51" s="19">
        <v>898</v>
      </c>
      <c r="E51" s="19">
        <v>788</v>
      </c>
      <c r="F51" s="19"/>
      <c r="G51" s="18" t="s">
        <v>100</v>
      </c>
      <c r="H51" s="17"/>
      <c r="I51" s="13">
        <v>395</v>
      </c>
      <c r="J51" s="19">
        <v>123</v>
      </c>
      <c r="K51" s="19">
        <v>272</v>
      </c>
    </row>
    <row r="52" spans="1:11" ht="15" customHeight="1">
      <c r="A52" s="17" t="s">
        <v>101</v>
      </c>
      <c r="B52" s="17"/>
      <c r="C52" s="13">
        <v>1719</v>
      </c>
      <c r="D52" s="19">
        <v>875</v>
      </c>
      <c r="E52" s="19">
        <v>844</v>
      </c>
      <c r="F52" s="19"/>
      <c r="G52" s="18" t="s">
        <v>102</v>
      </c>
      <c r="H52" s="17"/>
      <c r="I52" s="13">
        <v>307</v>
      </c>
      <c r="J52" s="19">
        <v>93</v>
      </c>
      <c r="K52" s="19">
        <v>214</v>
      </c>
    </row>
    <row r="53" spans="1:11" ht="20.100000000000001" customHeight="1">
      <c r="A53" s="17" t="s">
        <v>103</v>
      </c>
      <c r="B53" s="17"/>
      <c r="C53" s="13">
        <v>8953</v>
      </c>
      <c r="D53" s="14">
        <v>4661</v>
      </c>
      <c r="E53" s="14">
        <v>4292</v>
      </c>
      <c r="F53" s="14"/>
      <c r="G53" s="18" t="s">
        <v>104</v>
      </c>
      <c r="H53" s="17"/>
      <c r="I53" s="13">
        <v>979</v>
      </c>
      <c r="J53" s="14">
        <v>294</v>
      </c>
      <c r="K53" s="14">
        <v>685</v>
      </c>
    </row>
    <row r="54" spans="1:11" ht="15" customHeight="1">
      <c r="A54" s="17" t="s">
        <v>105</v>
      </c>
      <c r="B54" s="17"/>
      <c r="C54" s="13">
        <v>1693</v>
      </c>
      <c r="D54" s="19">
        <v>880</v>
      </c>
      <c r="E54" s="19">
        <v>813</v>
      </c>
      <c r="F54" s="19"/>
      <c r="G54" s="18" t="s">
        <v>106</v>
      </c>
      <c r="H54" s="17"/>
      <c r="I54" s="13">
        <v>250</v>
      </c>
      <c r="J54" s="19">
        <v>92</v>
      </c>
      <c r="K54" s="19">
        <v>158</v>
      </c>
    </row>
    <row r="55" spans="1:11" ht="15" customHeight="1">
      <c r="A55" s="17" t="s">
        <v>107</v>
      </c>
      <c r="B55" s="17"/>
      <c r="C55" s="13">
        <v>1762</v>
      </c>
      <c r="D55" s="19">
        <v>941</v>
      </c>
      <c r="E55" s="19">
        <v>821</v>
      </c>
      <c r="F55" s="19"/>
      <c r="G55" s="18" t="s">
        <v>108</v>
      </c>
      <c r="H55" s="17"/>
      <c r="I55" s="13">
        <v>199</v>
      </c>
      <c r="J55" s="19">
        <v>61</v>
      </c>
      <c r="K55" s="19">
        <v>138</v>
      </c>
    </row>
    <row r="56" spans="1:11" ht="15" customHeight="1">
      <c r="A56" s="17" t="s">
        <v>109</v>
      </c>
      <c r="B56" s="17"/>
      <c r="C56" s="13">
        <v>1737</v>
      </c>
      <c r="D56" s="19">
        <v>909</v>
      </c>
      <c r="E56" s="19">
        <v>828</v>
      </c>
      <c r="F56" s="19"/>
      <c r="G56" s="18" t="s">
        <v>110</v>
      </c>
      <c r="H56" s="17"/>
      <c r="I56" s="13">
        <v>213</v>
      </c>
      <c r="J56" s="19">
        <v>66</v>
      </c>
      <c r="K56" s="19">
        <v>147</v>
      </c>
    </row>
    <row r="57" spans="1:11" ht="15" customHeight="1">
      <c r="A57" s="17" t="s">
        <v>111</v>
      </c>
      <c r="B57" s="17"/>
      <c r="C57" s="13">
        <v>1855</v>
      </c>
      <c r="D57" s="19">
        <v>958</v>
      </c>
      <c r="E57" s="19">
        <v>897</v>
      </c>
      <c r="F57" s="19"/>
      <c r="G57" s="18" t="s">
        <v>112</v>
      </c>
      <c r="H57" s="17"/>
      <c r="I57" s="13">
        <v>179</v>
      </c>
      <c r="J57" s="19">
        <v>42</v>
      </c>
      <c r="K57" s="19">
        <v>137</v>
      </c>
    </row>
    <row r="58" spans="1:11" ht="15" customHeight="1">
      <c r="A58" s="17" t="s">
        <v>113</v>
      </c>
      <c r="B58" s="17"/>
      <c r="C58" s="13">
        <v>1906</v>
      </c>
      <c r="D58" s="19">
        <v>973</v>
      </c>
      <c r="E58" s="19">
        <v>933</v>
      </c>
      <c r="F58" s="19"/>
      <c r="G58" s="18" t="s">
        <v>114</v>
      </c>
      <c r="H58" s="17"/>
      <c r="I58" s="13">
        <v>138</v>
      </c>
      <c r="J58" s="19">
        <v>33</v>
      </c>
      <c r="K58" s="19">
        <v>105</v>
      </c>
    </row>
    <row r="59" spans="1:11" ht="20.100000000000001" customHeight="1">
      <c r="A59" s="17" t="s">
        <v>115</v>
      </c>
      <c r="B59" s="17"/>
      <c r="C59" s="13">
        <v>9949</v>
      </c>
      <c r="D59" s="14">
        <v>5104</v>
      </c>
      <c r="E59" s="14">
        <v>4845</v>
      </c>
      <c r="F59" s="14"/>
      <c r="G59" s="18" t="s">
        <v>116</v>
      </c>
      <c r="H59" s="17"/>
      <c r="I59" s="13">
        <v>185</v>
      </c>
      <c r="J59" s="14">
        <v>33</v>
      </c>
      <c r="K59" s="14">
        <v>152</v>
      </c>
    </row>
    <row r="60" spans="1:11" ht="15" customHeight="1">
      <c r="A60" s="17" t="s">
        <v>117</v>
      </c>
      <c r="B60" s="17"/>
      <c r="C60" s="13">
        <v>2093</v>
      </c>
      <c r="D60" s="19">
        <v>1058</v>
      </c>
      <c r="E60" s="19">
        <v>1035</v>
      </c>
      <c r="F60" s="19"/>
      <c r="G60" s="18" t="s">
        <v>118</v>
      </c>
      <c r="H60" s="17"/>
      <c r="I60" s="13">
        <v>87</v>
      </c>
      <c r="J60" s="19">
        <v>18</v>
      </c>
      <c r="K60" s="19">
        <v>69</v>
      </c>
    </row>
    <row r="61" spans="1:11" ht="15" customHeight="1">
      <c r="A61" s="17" t="s">
        <v>119</v>
      </c>
      <c r="B61" s="17"/>
      <c r="C61" s="13">
        <v>1956</v>
      </c>
      <c r="D61" s="19">
        <v>1002</v>
      </c>
      <c r="E61" s="19">
        <v>954</v>
      </c>
      <c r="F61" s="19"/>
      <c r="G61" s="18" t="s">
        <v>120</v>
      </c>
      <c r="H61" s="17"/>
      <c r="I61" s="13">
        <v>44</v>
      </c>
      <c r="J61" s="19">
        <v>6</v>
      </c>
      <c r="K61" s="19">
        <v>38</v>
      </c>
    </row>
    <row r="62" spans="1:11" ht="15" customHeight="1">
      <c r="A62" s="17" t="s">
        <v>121</v>
      </c>
      <c r="B62" s="17"/>
      <c r="C62" s="13">
        <v>2028</v>
      </c>
      <c r="D62" s="19">
        <v>1031</v>
      </c>
      <c r="E62" s="19">
        <v>997</v>
      </c>
      <c r="F62" s="19"/>
      <c r="G62" s="18" t="s">
        <v>122</v>
      </c>
      <c r="H62" s="17"/>
      <c r="I62" s="13">
        <v>15</v>
      </c>
      <c r="J62" s="19">
        <v>5</v>
      </c>
      <c r="K62" s="19">
        <v>10</v>
      </c>
    </row>
    <row r="63" spans="1:11" ht="15" customHeight="1">
      <c r="A63" s="17" t="s">
        <v>123</v>
      </c>
      <c r="B63" s="17"/>
      <c r="C63" s="13">
        <v>1986</v>
      </c>
      <c r="D63" s="19">
        <v>1026</v>
      </c>
      <c r="E63" s="19">
        <v>960</v>
      </c>
      <c r="F63" s="19"/>
      <c r="G63" s="18" t="s">
        <v>124</v>
      </c>
      <c r="H63" s="17"/>
      <c r="I63" s="13">
        <v>28</v>
      </c>
      <c r="J63" s="19">
        <v>4</v>
      </c>
      <c r="K63" s="19">
        <v>24</v>
      </c>
    </row>
    <row r="64" spans="1:11" ht="15" customHeight="1">
      <c r="A64" s="17" t="s">
        <v>125</v>
      </c>
      <c r="B64" s="17"/>
      <c r="C64" s="13">
        <v>1886</v>
      </c>
      <c r="D64" s="19">
        <v>987</v>
      </c>
      <c r="E64" s="19">
        <v>899</v>
      </c>
      <c r="F64" s="19"/>
      <c r="G64" s="18" t="s">
        <v>126</v>
      </c>
      <c r="H64" s="17"/>
      <c r="I64" s="13">
        <v>11</v>
      </c>
      <c r="J64" s="19">
        <v>0</v>
      </c>
      <c r="K64" s="19">
        <v>1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9</v>
      </c>
      <c r="J65" s="19">
        <v>2</v>
      </c>
      <c r="K65" s="19">
        <v>1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13</v>
      </c>
      <c r="J66" s="29">
        <v>725</v>
      </c>
      <c r="K66" s="29">
        <v>28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2012</v>
      </c>
      <c r="D4" s="14">
        <v>117768</v>
      </c>
      <c r="E4" s="14">
        <v>12424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379</v>
      </c>
      <c r="D5" s="14">
        <v>4792</v>
      </c>
      <c r="E5" s="14">
        <v>4587</v>
      </c>
      <c r="F5" s="14"/>
      <c r="G5" s="18" t="s">
        <v>8</v>
      </c>
      <c r="H5" s="17"/>
      <c r="I5" s="13">
        <v>18785</v>
      </c>
      <c r="J5" s="14">
        <v>9562</v>
      </c>
      <c r="K5" s="14">
        <v>9223</v>
      </c>
    </row>
    <row r="6" spans="1:11" ht="15" customHeight="1">
      <c r="A6" s="17" t="s">
        <v>9</v>
      </c>
      <c r="B6" s="17"/>
      <c r="C6" s="13">
        <v>1617</v>
      </c>
      <c r="D6" s="19">
        <v>866</v>
      </c>
      <c r="E6" s="19">
        <v>751</v>
      </c>
      <c r="F6" s="19"/>
      <c r="G6" s="18" t="s">
        <v>10</v>
      </c>
      <c r="H6" s="17"/>
      <c r="I6" s="13">
        <v>4142</v>
      </c>
      <c r="J6" s="19">
        <v>2060</v>
      </c>
      <c r="K6" s="19">
        <v>2082</v>
      </c>
    </row>
    <row r="7" spans="1:11" ht="15" customHeight="1">
      <c r="A7" s="17" t="s">
        <v>11</v>
      </c>
      <c r="B7" s="17"/>
      <c r="C7" s="13">
        <v>1858</v>
      </c>
      <c r="D7" s="19">
        <v>954</v>
      </c>
      <c r="E7" s="19">
        <v>904</v>
      </c>
      <c r="F7" s="19"/>
      <c r="G7" s="18" t="s">
        <v>12</v>
      </c>
      <c r="H7" s="17"/>
      <c r="I7" s="13">
        <v>3981</v>
      </c>
      <c r="J7" s="19">
        <v>2057</v>
      </c>
      <c r="K7" s="19">
        <v>1924</v>
      </c>
    </row>
    <row r="8" spans="1:11" ht="15" customHeight="1">
      <c r="A8" s="17" t="s">
        <v>13</v>
      </c>
      <c r="B8" s="17"/>
      <c r="C8" s="13">
        <v>1903</v>
      </c>
      <c r="D8" s="19">
        <v>962</v>
      </c>
      <c r="E8" s="19">
        <v>941</v>
      </c>
      <c r="F8" s="19"/>
      <c r="G8" s="18" t="s">
        <v>14</v>
      </c>
      <c r="H8" s="17"/>
      <c r="I8" s="13">
        <v>4009</v>
      </c>
      <c r="J8" s="19">
        <v>2063</v>
      </c>
      <c r="K8" s="19">
        <v>1946</v>
      </c>
    </row>
    <row r="9" spans="1:11" ht="15" customHeight="1">
      <c r="A9" s="17" t="s">
        <v>15</v>
      </c>
      <c r="B9" s="17"/>
      <c r="C9" s="13">
        <v>2028</v>
      </c>
      <c r="D9" s="19">
        <v>1031</v>
      </c>
      <c r="E9" s="19">
        <v>997</v>
      </c>
      <c r="F9" s="19"/>
      <c r="G9" s="18" t="s">
        <v>16</v>
      </c>
      <c r="H9" s="17"/>
      <c r="I9" s="13">
        <v>2866</v>
      </c>
      <c r="J9" s="19">
        <v>1467</v>
      </c>
      <c r="K9" s="19">
        <v>1399</v>
      </c>
    </row>
    <row r="10" spans="1:11" ht="15" customHeight="1">
      <c r="A10" s="17" t="s">
        <v>17</v>
      </c>
      <c r="B10" s="17"/>
      <c r="C10" s="13">
        <v>1973</v>
      </c>
      <c r="D10" s="19">
        <v>979</v>
      </c>
      <c r="E10" s="19">
        <v>994</v>
      </c>
      <c r="F10" s="19"/>
      <c r="G10" s="18" t="s">
        <v>18</v>
      </c>
      <c r="H10" s="17"/>
      <c r="I10" s="13">
        <v>3787</v>
      </c>
      <c r="J10" s="19">
        <v>1915</v>
      </c>
      <c r="K10" s="19">
        <v>1872</v>
      </c>
    </row>
    <row r="11" spans="1:11" ht="20.100000000000001" customHeight="1">
      <c r="A11" s="17" t="s">
        <v>19</v>
      </c>
      <c r="B11" s="17"/>
      <c r="C11" s="13">
        <v>10828</v>
      </c>
      <c r="D11" s="14">
        <v>5599</v>
      </c>
      <c r="E11" s="14">
        <v>5229</v>
      </c>
      <c r="F11" s="14"/>
      <c r="G11" s="18" t="s">
        <v>20</v>
      </c>
      <c r="H11" s="17"/>
      <c r="I11" s="13">
        <v>15186</v>
      </c>
      <c r="J11" s="14">
        <v>7783</v>
      </c>
      <c r="K11" s="14">
        <v>7403</v>
      </c>
    </row>
    <row r="12" spans="1:11" ht="15" customHeight="1">
      <c r="A12" s="17" t="s">
        <v>21</v>
      </c>
      <c r="B12" s="17"/>
      <c r="C12" s="13">
        <v>2027</v>
      </c>
      <c r="D12" s="19">
        <v>1043</v>
      </c>
      <c r="E12" s="19">
        <v>984</v>
      </c>
      <c r="F12" s="19"/>
      <c r="G12" s="18" t="s">
        <v>22</v>
      </c>
      <c r="H12" s="17"/>
      <c r="I12" s="13">
        <v>3449</v>
      </c>
      <c r="J12" s="19">
        <v>1796</v>
      </c>
      <c r="K12" s="19">
        <v>1653</v>
      </c>
    </row>
    <row r="13" spans="1:11" ht="15" customHeight="1">
      <c r="A13" s="17" t="s">
        <v>23</v>
      </c>
      <c r="B13" s="17"/>
      <c r="C13" s="13">
        <v>2195</v>
      </c>
      <c r="D13" s="19">
        <v>1165</v>
      </c>
      <c r="E13" s="19">
        <v>1030</v>
      </c>
      <c r="F13" s="19"/>
      <c r="G13" s="18" t="s">
        <v>24</v>
      </c>
      <c r="H13" s="17"/>
      <c r="I13" s="13">
        <v>3148</v>
      </c>
      <c r="J13" s="19">
        <v>1634</v>
      </c>
      <c r="K13" s="19">
        <v>1514</v>
      </c>
    </row>
    <row r="14" spans="1:11" ht="15" customHeight="1">
      <c r="A14" s="17" t="s">
        <v>25</v>
      </c>
      <c r="B14" s="17"/>
      <c r="C14" s="13">
        <v>2117</v>
      </c>
      <c r="D14" s="19">
        <v>1081</v>
      </c>
      <c r="E14" s="19">
        <v>1036</v>
      </c>
      <c r="F14" s="19"/>
      <c r="G14" s="18" t="s">
        <v>26</v>
      </c>
      <c r="H14" s="17"/>
      <c r="I14" s="13">
        <v>2902</v>
      </c>
      <c r="J14" s="19">
        <v>1469</v>
      </c>
      <c r="K14" s="19">
        <v>1433</v>
      </c>
    </row>
    <row r="15" spans="1:11" ht="15" customHeight="1">
      <c r="A15" s="17" t="s">
        <v>27</v>
      </c>
      <c r="B15" s="17"/>
      <c r="C15" s="13">
        <v>2281</v>
      </c>
      <c r="D15" s="19">
        <v>1182</v>
      </c>
      <c r="E15" s="19">
        <v>1099</v>
      </c>
      <c r="F15" s="19"/>
      <c r="G15" s="18" t="s">
        <v>28</v>
      </c>
      <c r="H15" s="17"/>
      <c r="I15" s="13">
        <v>2944</v>
      </c>
      <c r="J15" s="19">
        <v>1496</v>
      </c>
      <c r="K15" s="19">
        <v>1448</v>
      </c>
    </row>
    <row r="16" spans="1:11" ht="15" customHeight="1">
      <c r="A16" s="17" t="s">
        <v>29</v>
      </c>
      <c r="B16" s="17"/>
      <c r="C16" s="13">
        <v>2208</v>
      </c>
      <c r="D16" s="19">
        <v>1128</v>
      </c>
      <c r="E16" s="19">
        <v>1080</v>
      </c>
      <c r="F16" s="19"/>
      <c r="G16" s="18" t="s">
        <v>30</v>
      </c>
      <c r="H16" s="17"/>
      <c r="I16" s="13">
        <v>2743</v>
      </c>
      <c r="J16" s="19">
        <v>1388</v>
      </c>
      <c r="K16" s="19">
        <v>1355</v>
      </c>
    </row>
    <row r="17" spans="1:11" ht="20.100000000000001" customHeight="1">
      <c r="A17" s="20" t="s">
        <v>31</v>
      </c>
      <c r="B17" s="20"/>
      <c r="C17" s="13">
        <v>11238</v>
      </c>
      <c r="D17" s="14">
        <v>5670</v>
      </c>
      <c r="E17" s="14">
        <v>5568</v>
      </c>
      <c r="F17" s="14"/>
      <c r="G17" s="18" t="s">
        <v>32</v>
      </c>
      <c r="H17" s="17"/>
      <c r="I17" s="13">
        <v>12858</v>
      </c>
      <c r="J17" s="14">
        <v>6318</v>
      </c>
      <c r="K17" s="14">
        <v>6540</v>
      </c>
    </row>
    <row r="18" spans="1:11" ht="15" customHeight="1">
      <c r="A18" s="17" t="s">
        <v>33</v>
      </c>
      <c r="B18" s="17"/>
      <c r="C18" s="13">
        <v>2166</v>
      </c>
      <c r="D18" s="19">
        <v>1078</v>
      </c>
      <c r="E18" s="19">
        <v>1088</v>
      </c>
      <c r="F18" s="19"/>
      <c r="G18" s="18" t="s">
        <v>34</v>
      </c>
      <c r="H18" s="17"/>
      <c r="I18" s="13">
        <v>2670</v>
      </c>
      <c r="J18" s="19">
        <v>1324</v>
      </c>
      <c r="K18" s="19">
        <v>1346</v>
      </c>
    </row>
    <row r="19" spans="1:11" ht="15" customHeight="1">
      <c r="A19" s="17" t="s">
        <v>35</v>
      </c>
      <c r="B19" s="17"/>
      <c r="C19" s="13">
        <v>2270</v>
      </c>
      <c r="D19" s="19">
        <v>1173</v>
      </c>
      <c r="E19" s="19">
        <v>1097</v>
      </c>
      <c r="F19" s="19"/>
      <c r="G19" s="18" t="s">
        <v>36</v>
      </c>
      <c r="H19" s="17"/>
      <c r="I19" s="13">
        <v>2692</v>
      </c>
      <c r="J19" s="19">
        <v>1345</v>
      </c>
      <c r="K19" s="19">
        <v>1347</v>
      </c>
    </row>
    <row r="20" spans="1:11" ht="15" customHeight="1">
      <c r="A20" s="17" t="s">
        <v>37</v>
      </c>
      <c r="B20" s="17"/>
      <c r="C20" s="13">
        <v>2337</v>
      </c>
      <c r="D20" s="19">
        <v>1171</v>
      </c>
      <c r="E20" s="19">
        <v>1166</v>
      </c>
      <c r="F20" s="19"/>
      <c r="G20" s="18" t="s">
        <v>38</v>
      </c>
      <c r="H20" s="17"/>
      <c r="I20" s="13">
        <v>2435</v>
      </c>
      <c r="J20" s="19">
        <v>1206</v>
      </c>
      <c r="K20" s="19">
        <v>1229</v>
      </c>
    </row>
    <row r="21" spans="1:11" ht="15" customHeight="1">
      <c r="A21" s="17" t="s">
        <v>39</v>
      </c>
      <c r="B21" s="17"/>
      <c r="C21" s="13">
        <v>2190</v>
      </c>
      <c r="D21" s="19">
        <v>1134</v>
      </c>
      <c r="E21" s="19">
        <v>1056</v>
      </c>
      <c r="F21" s="19"/>
      <c r="G21" s="18" t="s">
        <v>40</v>
      </c>
      <c r="H21" s="17"/>
      <c r="I21" s="13">
        <v>2507</v>
      </c>
      <c r="J21" s="19">
        <v>1200</v>
      </c>
      <c r="K21" s="19">
        <v>1307</v>
      </c>
    </row>
    <row r="22" spans="1:11" ht="15" customHeight="1">
      <c r="A22" s="17" t="s">
        <v>41</v>
      </c>
      <c r="B22" s="17"/>
      <c r="C22" s="13">
        <v>2275</v>
      </c>
      <c r="D22" s="19">
        <v>1114</v>
      </c>
      <c r="E22" s="19">
        <v>1161</v>
      </c>
      <c r="F22" s="19"/>
      <c r="G22" s="18" t="s">
        <v>42</v>
      </c>
      <c r="H22" s="17"/>
      <c r="I22" s="13">
        <v>2554</v>
      </c>
      <c r="J22" s="19">
        <v>1243</v>
      </c>
      <c r="K22" s="19">
        <v>1311</v>
      </c>
    </row>
    <row r="23" spans="1:11" ht="20.100000000000001" customHeight="1">
      <c r="A23" s="17" t="s">
        <v>43</v>
      </c>
      <c r="B23" s="17"/>
      <c r="C23" s="13">
        <v>11677</v>
      </c>
      <c r="D23" s="14">
        <v>5840</v>
      </c>
      <c r="E23" s="14">
        <v>5837</v>
      </c>
      <c r="F23" s="14"/>
      <c r="G23" s="18" t="s">
        <v>44</v>
      </c>
      <c r="H23" s="17"/>
      <c r="I23" s="13">
        <v>14388</v>
      </c>
      <c r="J23" s="14">
        <v>6914</v>
      </c>
      <c r="K23" s="14">
        <v>7474</v>
      </c>
    </row>
    <row r="24" spans="1:11" ht="15" customHeight="1">
      <c r="A24" s="17" t="s">
        <v>45</v>
      </c>
      <c r="B24" s="17"/>
      <c r="C24" s="13">
        <v>2223</v>
      </c>
      <c r="D24" s="19">
        <v>1097</v>
      </c>
      <c r="E24" s="19">
        <v>1126</v>
      </c>
      <c r="F24" s="19"/>
      <c r="G24" s="18" t="s">
        <v>46</v>
      </c>
      <c r="H24" s="17"/>
      <c r="I24" s="13">
        <v>2518</v>
      </c>
      <c r="J24" s="19">
        <v>1271</v>
      </c>
      <c r="K24" s="19">
        <v>1247</v>
      </c>
    </row>
    <row r="25" spans="1:11" ht="15" customHeight="1">
      <c r="A25" s="17" t="s">
        <v>47</v>
      </c>
      <c r="B25" s="17"/>
      <c r="C25" s="13">
        <v>2362</v>
      </c>
      <c r="D25" s="19">
        <v>1209</v>
      </c>
      <c r="E25" s="19">
        <v>1153</v>
      </c>
      <c r="F25" s="19"/>
      <c r="G25" s="18" t="s">
        <v>48</v>
      </c>
      <c r="H25" s="17"/>
      <c r="I25" s="13">
        <v>2731</v>
      </c>
      <c r="J25" s="19">
        <v>1338</v>
      </c>
      <c r="K25" s="19">
        <v>1393</v>
      </c>
    </row>
    <row r="26" spans="1:11" ht="15" customHeight="1">
      <c r="A26" s="17" t="s">
        <v>49</v>
      </c>
      <c r="B26" s="17"/>
      <c r="C26" s="13">
        <v>2293</v>
      </c>
      <c r="D26" s="19">
        <v>1165</v>
      </c>
      <c r="E26" s="19">
        <v>1128</v>
      </c>
      <c r="F26" s="19"/>
      <c r="G26" s="18" t="s">
        <v>50</v>
      </c>
      <c r="H26" s="17"/>
      <c r="I26" s="13">
        <v>2867</v>
      </c>
      <c r="J26" s="19">
        <v>1339</v>
      </c>
      <c r="K26" s="19">
        <v>1528</v>
      </c>
    </row>
    <row r="27" spans="1:11" ht="15" customHeight="1">
      <c r="A27" s="17" t="s">
        <v>51</v>
      </c>
      <c r="B27" s="17"/>
      <c r="C27" s="13">
        <v>2323</v>
      </c>
      <c r="D27" s="19">
        <v>1137</v>
      </c>
      <c r="E27" s="19">
        <v>1186</v>
      </c>
      <c r="F27" s="19"/>
      <c r="G27" s="18" t="s">
        <v>52</v>
      </c>
      <c r="H27" s="17"/>
      <c r="I27" s="13">
        <v>3076</v>
      </c>
      <c r="J27" s="19">
        <v>1467</v>
      </c>
      <c r="K27" s="19">
        <v>1609</v>
      </c>
    </row>
    <row r="28" spans="1:11" ht="15" customHeight="1">
      <c r="A28" s="17" t="s">
        <v>53</v>
      </c>
      <c r="B28" s="17"/>
      <c r="C28" s="13">
        <v>2476</v>
      </c>
      <c r="D28" s="19">
        <v>1232</v>
      </c>
      <c r="E28" s="19">
        <v>1244</v>
      </c>
      <c r="F28" s="19"/>
      <c r="G28" s="18" t="s">
        <v>54</v>
      </c>
      <c r="H28" s="17"/>
      <c r="I28" s="13">
        <v>3196</v>
      </c>
      <c r="J28" s="19">
        <v>1499</v>
      </c>
      <c r="K28" s="19">
        <v>1697</v>
      </c>
    </row>
    <row r="29" spans="1:11" ht="20.100000000000001" customHeight="1">
      <c r="A29" s="17" t="s">
        <v>55</v>
      </c>
      <c r="B29" s="17"/>
      <c r="C29" s="13">
        <v>11371</v>
      </c>
      <c r="D29" s="14">
        <v>5733</v>
      </c>
      <c r="E29" s="14">
        <v>5638</v>
      </c>
      <c r="F29" s="14"/>
      <c r="G29" s="18" t="s">
        <v>56</v>
      </c>
      <c r="H29" s="17"/>
      <c r="I29" s="13">
        <v>16060</v>
      </c>
      <c r="J29" s="14">
        <v>7353</v>
      </c>
      <c r="K29" s="14">
        <v>8707</v>
      </c>
    </row>
    <row r="30" spans="1:11" ht="15" customHeight="1">
      <c r="A30" s="17" t="s">
        <v>57</v>
      </c>
      <c r="B30" s="17"/>
      <c r="C30" s="13">
        <v>2381</v>
      </c>
      <c r="D30" s="19">
        <v>1187</v>
      </c>
      <c r="E30" s="19">
        <v>1194</v>
      </c>
      <c r="F30" s="19"/>
      <c r="G30" s="18" t="s">
        <v>58</v>
      </c>
      <c r="H30" s="17"/>
      <c r="I30" s="13">
        <v>3752</v>
      </c>
      <c r="J30" s="19">
        <v>1764</v>
      </c>
      <c r="K30" s="19">
        <v>1988</v>
      </c>
    </row>
    <row r="31" spans="1:11" ht="15" customHeight="1">
      <c r="A31" s="17" t="s">
        <v>59</v>
      </c>
      <c r="B31" s="17"/>
      <c r="C31" s="13">
        <v>2285</v>
      </c>
      <c r="D31" s="19">
        <v>1210</v>
      </c>
      <c r="E31" s="19">
        <v>1075</v>
      </c>
      <c r="F31" s="19"/>
      <c r="G31" s="18" t="s">
        <v>60</v>
      </c>
      <c r="H31" s="17"/>
      <c r="I31" s="13">
        <v>3662</v>
      </c>
      <c r="J31" s="19">
        <v>1624</v>
      </c>
      <c r="K31" s="19">
        <v>2038</v>
      </c>
    </row>
    <row r="32" spans="1:11" ht="15" customHeight="1">
      <c r="A32" s="17" t="s">
        <v>61</v>
      </c>
      <c r="B32" s="17"/>
      <c r="C32" s="13">
        <v>2378</v>
      </c>
      <c r="D32" s="19">
        <v>1164</v>
      </c>
      <c r="E32" s="19">
        <v>1214</v>
      </c>
      <c r="F32" s="19"/>
      <c r="G32" s="18" t="s">
        <v>62</v>
      </c>
      <c r="H32" s="17"/>
      <c r="I32" s="13">
        <v>3654</v>
      </c>
      <c r="J32" s="19">
        <v>1678</v>
      </c>
      <c r="K32" s="19">
        <v>1976</v>
      </c>
    </row>
    <row r="33" spans="1:11" ht="15" customHeight="1">
      <c r="A33" s="17" t="s">
        <v>63</v>
      </c>
      <c r="B33" s="17"/>
      <c r="C33" s="13">
        <v>2168</v>
      </c>
      <c r="D33" s="19">
        <v>1118</v>
      </c>
      <c r="E33" s="19">
        <v>1050</v>
      </c>
      <c r="F33" s="19"/>
      <c r="G33" s="18" t="s">
        <v>64</v>
      </c>
      <c r="H33" s="17"/>
      <c r="I33" s="13">
        <v>2640</v>
      </c>
      <c r="J33" s="19">
        <v>1205</v>
      </c>
      <c r="K33" s="19">
        <v>1435</v>
      </c>
    </row>
    <row r="34" spans="1:11" ht="15" customHeight="1">
      <c r="A34" s="17" t="s">
        <v>65</v>
      </c>
      <c r="B34" s="17"/>
      <c r="C34" s="13">
        <v>2159</v>
      </c>
      <c r="D34" s="19">
        <v>1054</v>
      </c>
      <c r="E34" s="19">
        <v>1105</v>
      </c>
      <c r="F34" s="19"/>
      <c r="G34" s="18" t="s">
        <v>66</v>
      </c>
      <c r="H34" s="17"/>
      <c r="I34" s="13">
        <v>2352</v>
      </c>
      <c r="J34" s="19">
        <v>1082</v>
      </c>
      <c r="K34" s="19">
        <v>1270</v>
      </c>
    </row>
    <row r="35" spans="1:11" ht="20.100000000000001" customHeight="1">
      <c r="A35" s="17" t="s">
        <v>67</v>
      </c>
      <c r="B35" s="17"/>
      <c r="C35" s="13">
        <v>10041</v>
      </c>
      <c r="D35" s="14">
        <v>4975</v>
      </c>
      <c r="E35" s="14">
        <v>5066</v>
      </c>
      <c r="F35" s="14"/>
      <c r="G35" s="18" t="s">
        <v>68</v>
      </c>
      <c r="H35" s="17"/>
      <c r="I35" s="13">
        <v>13985</v>
      </c>
      <c r="J35" s="14">
        <v>6277</v>
      </c>
      <c r="K35" s="14">
        <v>7708</v>
      </c>
    </row>
    <row r="36" spans="1:11" ht="15" customHeight="1">
      <c r="A36" s="17" t="s">
        <v>69</v>
      </c>
      <c r="B36" s="17"/>
      <c r="C36" s="13">
        <v>2134</v>
      </c>
      <c r="D36" s="19">
        <v>1055</v>
      </c>
      <c r="E36" s="19">
        <v>1079</v>
      </c>
      <c r="F36" s="19"/>
      <c r="G36" s="18" t="s">
        <v>70</v>
      </c>
      <c r="H36" s="17"/>
      <c r="I36" s="13">
        <v>2769</v>
      </c>
      <c r="J36" s="19">
        <v>1247</v>
      </c>
      <c r="K36" s="19">
        <v>1522</v>
      </c>
    </row>
    <row r="37" spans="1:11" ht="15" customHeight="1">
      <c r="A37" s="17" t="s">
        <v>71</v>
      </c>
      <c r="B37" s="17"/>
      <c r="C37" s="13">
        <v>2028</v>
      </c>
      <c r="D37" s="19">
        <v>987</v>
      </c>
      <c r="E37" s="19">
        <v>1041</v>
      </c>
      <c r="F37" s="19"/>
      <c r="G37" s="18" t="s">
        <v>72</v>
      </c>
      <c r="H37" s="17"/>
      <c r="I37" s="13">
        <v>2931</v>
      </c>
      <c r="J37" s="19">
        <v>1312</v>
      </c>
      <c r="K37" s="19">
        <v>1619</v>
      </c>
    </row>
    <row r="38" spans="1:11" ht="15" customHeight="1">
      <c r="A38" s="17" t="s">
        <v>73</v>
      </c>
      <c r="B38" s="17"/>
      <c r="C38" s="13">
        <v>1895</v>
      </c>
      <c r="D38" s="19">
        <v>963</v>
      </c>
      <c r="E38" s="19">
        <v>932</v>
      </c>
      <c r="F38" s="19"/>
      <c r="G38" s="18" t="s">
        <v>74</v>
      </c>
      <c r="H38" s="17"/>
      <c r="I38" s="13">
        <v>2847</v>
      </c>
      <c r="J38" s="19">
        <v>1285</v>
      </c>
      <c r="K38" s="19">
        <v>1562</v>
      </c>
    </row>
    <row r="39" spans="1:11" ht="15" customHeight="1">
      <c r="A39" s="17" t="s">
        <v>75</v>
      </c>
      <c r="B39" s="17"/>
      <c r="C39" s="13">
        <v>2027</v>
      </c>
      <c r="D39" s="19">
        <v>1024</v>
      </c>
      <c r="E39" s="19">
        <v>1003</v>
      </c>
      <c r="F39" s="19"/>
      <c r="G39" s="18" t="s">
        <v>76</v>
      </c>
      <c r="H39" s="17"/>
      <c r="I39" s="13">
        <v>2844</v>
      </c>
      <c r="J39" s="19">
        <v>1261</v>
      </c>
      <c r="K39" s="19">
        <v>1583</v>
      </c>
    </row>
    <row r="40" spans="1:11" ht="15" customHeight="1">
      <c r="A40" s="17" t="s">
        <v>77</v>
      </c>
      <c r="B40" s="17"/>
      <c r="C40" s="13">
        <v>1957</v>
      </c>
      <c r="D40" s="19">
        <v>946</v>
      </c>
      <c r="E40" s="19">
        <v>1011</v>
      </c>
      <c r="F40" s="19"/>
      <c r="G40" s="18" t="s">
        <v>78</v>
      </c>
      <c r="H40" s="17"/>
      <c r="I40" s="13">
        <v>2594</v>
      </c>
      <c r="J40" s="19">
        <v>1172</v>
      </c>
      <c r="K40" s="19">
        <v>1422</v>
      </c>
    </row>
    <row r="41" spans="1:11" ht="20.100000000000001" customHeight="1">
      <c r="A41" s="17" t="s">
        <v>79</v>
      </c>
      <c r="B41" s="17"/>
      <c r="C41" s="13">
        <v>11643</v>
      </c>
      <c r="D41" s="14">
        <v>5867</v>
      </c>
      <c r="E41" s="14">
        <v>5776</v>
      </c>
      <c r="F41" s="14"/>
      <c r="G41" s="18" t="s">
        <v>80</v>
      </c>
      <c r="H41" s="17"/>
      <c r="I41" s="13">
        <v>10028</v>
      </c>
      <c r="J41" s="14">
        <v>4409</v>
      </c>
      <c r="K41" s="14">
        <v>5619</v>
      </c>
    </row>
    <row r="42" spans="1:11" ht="15" customHeight="1">
      <c r="A42" s="17" t="s">
        <v>81</v>
      </c>
      <c r="B42" s="17"/>
      <c r="C42" s="13">
        <v>2023</v>
      </c>
      <c r="D42" s="19">
        <v>994</v>
      </c>
      <c r="E42" s="19">
        <v>1029</v>
      </c>
      <c r="F42" s="19"/>
      <c r="G42" s="18" t="s">
        <v>82</v>
      </c>
      <c r="H42" s="17"/>
      <c r="I42" s="13">
        <v>2092</v>
      </c>
      <c r="J42" s="19">
        <v>923</v>
      </c>
      <c r="K42" s="19">
        <v>1169</v>
      </c>
    </row>
    <row r="43" spans="1:11" ht="15" customHeight="1">
      <c r="A43" s="17" t="s">
        <v>83</v>
      </c>
      <c r="B43" s="17"/>
      <c r="C43" s="13">
        <v>2261</v>
      </c>
      <c r="D43" s="19">
        <v>1130</v>
      </c>
      <c r="E43" s="19">
        <v>1131</v>
      </c>
      <c r="F43" s="19"/>
      <c r="G43" s="18" t="s">
        <v>84</v>
      </c>
      <c r="H43" s="17"/>
      <c r="I43" s="13">
        <v>1974</v>
      </c>
      <c r="J43" s="19">
        <v>887</v>
      </c>
      <c r="K43" s="19">
        <v>1087</v>
      </c>
    </row>
    <row r="44" spans="1:11" ht="15" customHeight="1">
      <c r="A44" s="17" t="s">
        <v>85</v>
      </c>
      <c r="B44" s="17"/>
      <c r="C44" s="13">
        <v>2310</v>
      </c>
      <c r="D44" s="19">
        <v>1177</v>
      </c>
      <c r="E44" s="19">
        <v>1133</v>
      </c>
      <c r="F44" s="19"/>
      <c r="G44" s="18" t="s">
        <v>86</v>
      </c>
      <c r="H44" s="17"/>
      <c r="I44" s="13">
        <v>2202</v>
      </c>
      <c r="J44" s="19">
        <v>1001</v>
      </c>
      <c r="K44" s="19">
        <v>1201</v>
      </c>
    </row>
    <row r="45" spans="1:11" ht="15" customHeight="1">
      <c r="A45" s="17" t="s">
        <v>87</v>
      </c>
      <c r="B45" s="17"/>
      <c r="C45" s="13">
        <v>2491</v>
      </c>
      <c r="D45" s="19">
        <v>1307</v>
      </c>
      <c r="E45" s="19">
        <v>1184</v>
      </c>
      <c r="F45" s="19"/>
      <c r="G45" s="18" t="s">
        <v>88</v>
      </c>
      <c r="H45" s="17"/>
      <c r="I45" s="13">
        <v>1922</v>
      </c>
      <c r="J45" s="19">
        <v>820</v>
      </c>
      <c r="K45" s="19">
        <v>1102</v>
      </c>
    </row>
    <row r="46" spans="1:11" ht="15" customHeight="1">
      <c r="A46" s="17" t="s">
        <v>89</v>
      </c>
      <c r="B46" s="17"/>
      <c r="C46" s="13">
        <v>2558</v>
      </c>
      <c r="D46" s="19">
        <v>1259</v>
      </c>
      <c r="E46" s="19">
        <v>1299</v>
      </c>
      <c r="F46" s="19"/>
      <c r="G46" s="18" t="s">
        <v>90</v>
      </c>
      <c r="H46" s="17"/>
      <c r="I46" s="13">
        <v>1838</v>
      </c>
      <c r="J46" s="19">
        <v>778</v>
      </c>
      <c r="K46" s="19">
        <v>1060</v>
      </c>
    </row>
    <row r="47" spans="1:11" ht="20.100000000000001" customHeight="1">
      <c r="A47" s="17" t="s">
        <v>91</v>
      </c>
      <c r="B47" s="17"/>
      <c r="C47" s="13">
        <v>14837</v>
      </c>
      <c r="D47" s="14">
        <v>7247</v>
      </c>
      <c r="E47" s="14">
        <v>7590</v>
      </c>
      <c r="F47" s="14"/>
      <c r="G47" s="18" t="s">
        <v>92</v>
      </c>
      <c r="H47" s="17"/>
      <c r="I47" s="13">
        <v>6065</v>
      </c>
      <c r="J47" s="14">
        <v>2258</v>
      </c>
      <c r="K47" s="14">
        <v>3807</v>
      </c>
    </row>
    <row r="48" spans="1:11" ht="15" customHeight="1">
      <c r="A48" s="17" t="s">
        <v>93</v>
      </c>
      <c r="B48" s="17"/>
      <c r="C48" s="13">
        <v>2786</v>
      </c>
      <c r="D48" s="19">
        <v>1313</v>
      </c>
      <c r="E48" s="19">
        <v>1473</v>
      </c>
      <c r="F48" s="19"/>
      <c r="G48" s="18" t="s">
        <v>94</v>
      </c>
      <c r="H48" s="17"/>
      <c r="I48" s="13">
        <v>1515</v>
      </c>
      <c r="J48" s="19">
        <v>611</v>
      </c>
      <c r="K48" s="19">
        <v>904</v>
      </c>
    </row>
    <row r="49" spans="1:11" ht="15" customHeight="1">
      <c r="A49" s="17" t="s">
        <v>95</v>
      </c>
      <c r="B49" s="17"/>
      <c r="C49" s="13">
        <v>2883</v>
      </c>
      <c r="D49" s="19">
        <v>1453</v>
      </c>
      <c r="E49" s="19">
        <v>1430</v>
      </c>
      <c r="F49" s="19"/>
      <c r="G49" s="18" t="s">
        <v>96</v>
      </c>
      <c r="H49" s="17"/>
      <c r="I49" s="13">
        <v>1354</v>
      </c>
      <c r="J49" s="19">
        <v>514</v>
      </c>
      <c r="K49" s="19">
        <v>840</v>
      </c>
    </row>
    <row r="50" spans="1:11" ht="15" customHeight="1">
      <c r="A50" s="17" t="s">
        <v>97</v>
      </c>
      <c r="B50" s="17"/>
      <c r="C50" s="13">
        <v>2943</v>
      </c>
      <c r="D50" s="19">
        <v>1404</v>
      </c>
      <c r="E50" s="19">
        <v>1539</v>
      </c>
      <c r="F50" s="19"/>
      <c r="G50" s="18" t="s">
        <v>98</v>
      </c>
      <c r="H50" s="17"/>
      <c r="I50" s="13">
        <v>1168</v>
      </c>
      <c r="J50" s="19">
        <v>416</v>
      </c>
      <c r="K50" s="19">
        <v>752</v>
      </c>
    </row>
    <row r="51" spans="1:11" ht="15" customHeight="1">
      <c r="A51" s="17" t="s">
        <v>99</v>
      </c>
      <c r="B51" s="17"/>
      <c r="C51" s="13">
        <v>3012</v>
      </c>
      <c r="D51" s="19">
        <v>1516</v>
      </c>
      <c r="E51" s="19">
        <v>1496</v>
      </c>
      <c r="F51" s="19"/>
      <c r="G51" s="18" t="s">
        <v>100</v>
      </c>
      <c r="H51" s="17"/>
      <c r="I51" s="13">
        <v>1139</v>
      </c>
      <c r="J51" s="19">
        <v>418</v>
      </c>
      <c r="K51" s="19">
        <v>721</v>
      </c>
    </row>
    <row r="52" spans="1:11" ht="15" customHeight="1">
      <c r="A52" s="17" t="s">
        <v>101</v>
      </c>
      <c r="B52" s="17"/>
      <c r="C52" s="13">
        <v>3213</v>
      </c>
      <c r="D52" s="19">
        <v>1561</v>
      </c>
      <c r="E52" s="19">
        <v>1652</v>
      </c>
      <c r="F52" s="19"/>
      <c r="G52" s="18" t="s">
        <v>102</v>
      </c>
      <c r="H52" s="17"/>
      <c r="I52" s="13">
        <v>889</v>
      </c>
      <c r="J52" s="19">
        <v>299</v>
      </c>
      <c r="K52" s="19">
        <v>590</v>
      </c>
    </row>
    <row r="53" spans="1:11" ht="20.100000000000001" customHeight="1">
      <c r="A53" s="17" t="s">
        <v>103</v>
      </c>
      <c r="B53" s="17"/>
      <c r="C53" s="13">
        <v>18086</v>
      </c>
      <c r="D53" s="14">
        <v>9034</v>
      </c>
      <c r="E53" s="14">
        <v>9052</v>
      </c>
      <c r="F53" s="14"/>
      <c r="G53" s="18" t="s">
        <v>104</v>
      </c>
      <c r="H53" s="17"/>
      <c r="I53" s="13">
        <v>2680</v>
      </c>
      <c r="J53" s="14">
        <v>820</v>
      </c>
      <c r="K53" s="14">
        <v>1860</v>
      </c>
    </row>
    <row r="54" spans="1:11" ht="15" customHeight="1">
      <c r="A54" s="17" t="s">
        <v>105</v>
      </c>
      <c r="B54" s="17"/>
      <c r="C54" s="13">
        <v>3428</v>
      </c>
      <c r="D54" s="19">
        <v>1750</v>
      </c>
      <c r="E54" s="19">
        <v>1678</v>
      </c>
      <c r="F54" s="19"/>
      <c r="G54" s="18" t="s">
        <v>106</v>
      </c>
      <c r="H54" s="17"/>
      <c r="I54" s="13">
        <v>751</v>
      </c>
      <c r="J54" s="19">
        <v>251</v>
      </c>
      <c r="K54" s="19">
        <v>500</v>
      </c>
    </row>
    <row r="55" spans="1:11" ht="15" customHeight="1">
      <c r="A55" s="17" t="s">
        <v>107</v>
      </c>
      <c r="B55" s="17"/>
      <c r="C55" s="13">
        <v>3493</v>
      </c>
      <c r="D55" s="19">
        <v>1711</v>
      </c>
      <c r="E55" s="19">
        <v>1782</v>
      </c>
      <c r="F55" s="19"/>
      <c r="G55" s="18" t="s">
        <v>108</v>
      </c>
      <c r="H55" s="17"/>
      <c r="I55" s="13">
        <v>618</v>
      </c>
      <c r="J55" s="19">
        <v>198</v>
      </c>
      <c r="K55" s="19">
        <v>420</v>
      </c>
    </row>
    <row r="56" spans="1:11" ht="15" customHeight="1">
      <c r="A56" s="17" t="s">
        <v>109</v>
      </c>
      <c r="B56" s="17"/>
      <c r="C56" s="13">
        <v>3470</v>
      </c>
      <c r="D56" s="19">
        <v>1743</v>
      </c>
      <c r="E56" s="19">
        <v>1727</v>
      </c>
      <c r="F56" s="19"/>
      <c r="G56" s="18" t="s">
        <v>110</v>
      </c>
      <c r="H56" s="17"/>
      <c r="I56" s="13">
        <v>518</v>
      </c>
      <c r="J56" s="19">
        <v>162</v>
      </c>
      <c r="K56" s="19">
        <v>356</v>
      </c>
    </row>
    <row r="57" spans="1:11" ht="15" customHeight="1">
      <c r="A57" s="17" t="s">
        <v>111</v>
      </c>
      <c r="B57" s="17"/>
      <c r="C57" s="13">
        <v>3773</v>
      </c>
      <c r="D57" s="19">
        <v>1893</v>
      </c>
      <c r="E57" s="19">
        <v>1880</v>
      </c>
      <c r="F57" s="19"/>
      <c r="G57" s="18" t="s">
        <v>112</v>
      </c>
      <c r="H57" s="17"/>
      <c r="I57" s="13">
        <v>454</v>
      </c>
      <c r="J57" s="19">
        <v>117</v>
      </c>
      <c r="K57" s="19">
        <v>337</v>
      </c>
    </row>
    <row r="58" spans="1:11" ht="15" customHeight="1">
      <c r="A58" s="17" t="s">
        <v>113</v>
      </c>
      <c r="B58" s="17"/>
      <c r="C58" s="13">
        <v>3922</v>
      </c>
      <c r="D58" s="19">
        <v>1937</v>
      </c>
      <c r="E58" s="19">
        <v>1985</v>
      </c>
      <c r="F58" s="19"/>
      <c r="G58" s="18" t="s">
        <v>114</v>
      </c>
      <c r="H58" s="17"/>
      <c r="I58" s="13">
        <v>339</v>
      </c>
      <c r="J58" s="19">
        <v>92</v>
      </c>
      <c r="K58" s="19">
        <v>247</v>
      </c>
    </row>
    <row r="59" spans="1:11" ht="20.100000000000001" customHeight="1">
      <c r="A59" s="17" t="s">
        <v>115</v>
      </c>
      <c r="B59" s="17"/>
      <c r="C59" s="13">
        <v>21243</v>
      </c>
      <c r="D59" s="14">
        <v>10648</v>
      </c>
      <c r="E59" s="14">
        <v>10595</v>
      </c>
      <c r="F59" s="14"/>
      <c r="G59" s="18" t="s">
        <v>116</v>
      </c>
      <c r="H59" s="17"/>
      <c r="I59" s="13">
        <v>777</v>
      </c>
      <c r="J59" s="14">
        <v>152</v>
      </c>
      <c r="K59" s="14">
        <v>625</v>
      </c>
    </row>
    <row r="60" spans="1:11" ht="15" customHeight="1">
      <c r="A60" s="17" t="s">
        <v>117</v>
      </c>
      <c r="B60" s="17"/>
      <c r="C60" s="13">
        <v>4265</v>
      </c>
      <c r="D60" s="19">
        <v>2133</v>
      </c>
      <c r="E60" s="19">
        <v>2132</v>
      </c>
      <c r="F60" s="19"/>
      <c r="G60" s="18" t="s">
        <v>118</v>
      </c>
      <c r="H60" s="17"/>
      <c r="I60" s="13">
        <v>272</v>
      </c>
      <c r="J60" s="19">
        <v>64</v>
      </c>
      <c r="K60" s="19">
        <v>208</v>
      </c>
    </row>
    <row r="61" spans="1:11" ht="15" customHeight="1">
      <c r="A61" s="17" t="s">
        <v>119</v>
      </c>
      <c r="B61" s="17"/>
      <c r="C61" s="13">
        <v>4304</v>
      </c>
      <c r="D61" s="19">
        <v>2123</v>
      </c>
      <c r="E61" s="19">
        <v>2181</v>
      </c>
      <c r="F61" s="19"/>
      <c r="G61" s="18" t="s">
        <v>120</v>
      </c>
      <c r="H61" s="17"/>
      <c r="I61" s="13">
        <v>188</v>
      </c>
      <c r="J61" s="19">
        <v>38</v>
      </c>
      <c r="K61" s="19">
        <v>150</v>
      </c>
    </row>
    <row r="62" spans="1:11" ht="15" customHeight="1">
      <c r="A62" s="17" t="s">
        <v>121</v>
      </c>
      <c r="B62" s="17"/>
      <c r="C62" s="13">
        <v>4274</v>
      </c>
      <c r="D62" s="19">
        <v>2113</v>
      </c>
      <c r="E62" s="19">
        <v>2161</v>
      </c>
      <c r="F62" s="19"/>
      <c r="G62" s="18" t="s">
        <v>122</v>
      </c>
      <c r="H62" s="17"/>
      <c r="I62" s="13">
        <v>143</v>
      </c>
      <c r="J62" s="19">
        <v>18</v>
      </c>
      <c r="K62" s="19">
        <v>125</v>
      </c>
    </row>
    <row r="63" spans="1:11" ht="15" customHeight="1">
      <c r="A63" s="17" t="s">
        <v>123</v>
      </c>
      <c r="B63" s="17"/>
      <c r="C63" s="13">
        <v>4264</v>
      </c>
      <c r="D63" s="19">
        <v>2176</v>
      </c>
      <c r="E63" s="19">
        <v>2088</v>
      </c>
      <c r="F63" s="19"/>
      <c r="G63" s="18" t="s">
        <v>124</v>
      </c>
      <c r="H63" s="17"/>
      <c r="I63" s="13">
        <v>105</v>
      </c>
      <c r="J63" s="19">
        <v>21</v>
      </c>
      <c r="K63" s="19">
        <v>84</v>
      </c>
    </row>
    <row r="64" spans="1:11" ht="15" customHeight="1">
      <c r="A64" s="17" t="s">
        <v>125</v>
      </c>
      <c r="B64" s="17"/>
      <c r="C64" s="13">
        <v>4136</v>
      </c>
      <c r="D64" s="19">
        <v>2103</v>
      </c>
      <c r="E64" s="19">
        <v>2033</v>
      </c>
      <c r="F64" s="19"/>
      <c r="G64" s="18" t="s">
        <v>126</v>
      </c>
      <c r="H64" s="17"/>
      <c r="I64" s="13">
        <v>69</v>
      </c>
      <c r="J64" s="19">
        <v>11</v>
      </c>
      <c r="K64" s="19">
        <v>5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7</v>
      </c>
      <c r="J65" s="19">
        <v>5</v>
      </c>
      <c r="K65" s="19">
        <v>8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770</v>
      </c>
      <c r="J66" s="29">
        <v>512</v>
      </c>
      <c r="K66" s="29">
        <v>25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4961</v>
      </c>
      <c r="D4" s="14">
        <v>84496</v>
      </c>
      <c r="E4" s="14">
        <v>8046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041</v>
      </c>
      <c r="D5" s="14">
        <v>2640</v>
      </c>
      <c r="E5" s="14">
        <v>2401</v>
      </c>
      <c r="F5" s="14"/>
      <c r="G5" s="18" t="s">
        <v>8</v>
      </c>
      <c r="H5" s="17"/>
      <c r="I5" s="13">
        <v>11069</v>
      </c>
      <c r="J5" s="14">
        <v>5905</v>
      </c>
      <c r="K5" s="14">
        <v>5164</v>
      </c>
    </row>
    <row r="6" spans="1:11" ht="15" customHeight="1">
      <c r="A6" s="17" t="s">
        <v>9</v>
      </c>
      <c r="B6" s="17"/>
      <c r="C6" s="13">
        <v>853</v>
      </c>
      <c r="D6" s="19">
        <v>459</v>
      </c>
      <c r="E6" s="19">
        <v>394</v>
      </c>
      <c r="F6" s="19"/>
      <c r="G6" s="18" t="s">
        <v>10</v>
      </c>
      <c r="H6" s="17"/>
      <c r="I6" s="13">
        <v>2350</v>
      </c>
      <c r="J6" s="19">
        <v>1287</v>
      </c>
      <c r="K6" s="19">
        <v>1063</v>
      </c>
    </row>
    <row r="7" spans="1:11" ht="15" customHeight="1">
      <c r="A7" s="17" t="s">
        <v>11</v>
      </c>
      <c r="B7" s="17"/>
      <c r="C7" s="13">
        <v>929</v>
      </c>
      <c r="D7" s="19">
        <v>497</v>
      </c>
      <c r="E7" s="19">
        <v>432</v>
      </c>
      <c r="F7" s="19"/>
      <c r="G7" s="18" t="s">
        <v>12</v>
      </c>
      <c r="H7" s="17"/>
      <c r="I7" s="13">
        <v>2340</v>
      </c>
      <c r="J7" s="19">
        <v>1267</v>
      </c>
      <c r="K7" s="19">
        <v>1073</v>
      </c>
    </row>
    <row r="8" spans="1:11" ht="15" customHeight="1">
      <c r="A8" s="17" t="s">
        <v>13</v>
      </c>
      <c r="B8" s="17"/>
      <c r="C8" s="13">
        <v>1033</v>
      </c>
      <c r="D8" s="19">
        <v>541</v>
      </c>
      <c r="E8" s="19">
        <v>492</v>
      </c>
      <c r="F8" s="19"/>
      <c r="G8" s="18" t="s">
        <v>14</v>
      </c>
      <c r="H8" s="17"/>
      <c r="I8" s="13">
        <v>2404</v>
      </c>
      <c r="J8" s="19">
        <v>1272</v>
      </c>
      <c r="K8" s="19">
        <v>1132</v>
      </c>
    </row>
    <row r="9" spans="1:11" ht="15" customHeight="1">
      <c r="A9" s="17" t="s">
        <v>15</v>
      </c>
      <c r="B9" s="17"/>
      <c r="C9" s="13">
        <v>1097</v>
      </c>
      <c r="D9" s="19">
        <v>587</v>
      </c>
      <c r="E9" s="19">
        <v>510</v>
      </c>
      <c r="F9" s="19"/>
      <c r="G9" s="18" t="s">
        <v>16</v>
      </c>
      <c r="H9" s="17"/>
      <c r="I9" s="13">
        <v>1709</v>
      </c>
      <c r="J9" s="19">
        <v>936</v>
      </c>
      <c r="K9" s="19">
        <v>773</v>
      </c>
    </row>
    <row r="10" spans="1:11" ht="15" customHeight="1">
      <c r="A10" s="17" t="s">
        <v>17</v>
      </c>
      <c r="B10" s="17"/>
      <c r="C10" s="13">
        <v>1129</v>
      </c>
      <c r="D10" s="19">
        <v>556</v>
      </c>
      <c r="E10" s="19">
        <v>573</v>
      </c>
      <c r="F10" s="19"/>
      <c r="G10" s="18" t="s">
        <v>18</v>
      </c>
      <c r="H10" s="17"/>
      <c r="I10" s="13">
        <v>2266</v>
      </c>
      <c r="J10" s="19">
        <v>1143</v>
      </c>
      <c r="K10" s="19">
        <v>1123</v>
      </c>
    </row>
    <row r="11" spans="1:11" ht="20.100000000000001" customHeight="1">
      <c r="A11" s="17" t="s">
        <v>19</v>
      </c>
      <c r="B11" s="17"/>
      <c r="C11" s="13">
        <v>6226</v>
      </c>
      <c r="D11" s="14">
        <v>3233</v>
      </c>
      <c r="E11" s="14">
        <v>2993</v>
      </c>
      <c r="F11" s="14"/>
      <c r="G11" s="18" t="s">
        <v>20</v>
      </c>
      <c r="H11" s="17"/>
      <c r="I11" s="13">
        <v>9797</v>
      </c>
      <c r="J11" s="14">
        <v>5031</v>
      </c>
      <c r="K11" s="14">
        <v>4766</v>
      </c>
    </row>
    <row r="12" spans="1:11" ht="15" customHeight="1">
      <c r="A12" s="17" t="s">
        <v>21</v>
      </c>
      <c r="B12" s="17"/>
      <c r="C12" s="13">
        <v>1146</v>
      </c>
      <c r="D12" s="19">
        <v>618</v>
      </c>
      <c r="E12" s="19">
        <v>528</v>
      </c>
      <c r="F12" s="19"/>
      <c r="G12" s="18" t="s">
        <v>22</v>
      </c>
      <c r="H12" s="17"/>
      <c r="I12" s="13">
        <v>2222</v>
      </c>
      <c r="J12" s="19">
        <v>1159</v>
      </c>
      <c r="K12" s="19">
        <v>1063</v>
      </c>
    </row>
    <row r="13" spans="1:11" ht="15" customHeight="1">
      <c r="A13" s="17" t="s">
        <v>23</v>
      </c>
      <c r="B13" s="17"/>
      <c r="C13" s="13">
        <v>1229</v>
      </c>
      <c r="D13" s="19">
        <v>613</v>
      </c>
      <c r="E13" s="19">
        <v>616</v>
      </c>
      <c r="F13" s="19"/>
      <c r="G13" s="18" t="s">
        <v>24</v>
      </c>
      <c r="H13" s="17"/>
      <c r="I13" s="13">
        <v>1966</v>
      </c>
      <c r="J13" s="19">
        <v>1041</v>
      </c>
      <c r="K13" s="19">
        <v>925</v>
      </c>
    </row>
    <row r="14" spans="1:11" ht="15" customHeight="1">
      <c r="A14" s="17" t="s">
        <v>25</v>
      </c>
      <c r="B14" s="17"/>
      <c r="C14" s="13">
        <v>1259</v>
      </c>
      <c r="D14" s="19">
        <v>663</v>
      </c>
      <c r="E14" s="19">
        <v>596</v>
      </c>
      <c r="F14" s="19"/>
      <c r="G14" s="18" t="s">
        <v>26</v>
      </c>
      <c r="H14" s="17"/>
      <c r="I14" s="13">
        <v>1890</v>
      </c>
      <c r="J14" s="19">
        <v>982</v>
      </c>
      <c r="K14" s="19">
        <v>908</v>
      </c>
    </row>
    <row r="15" spans="1:11" ht="15" customHeight="1">
      <c r="A15" s="17" t="s">
        <v>27</v>
      </c>
      <c r="B15" s="17"/>
      <c r="C15" s="13">
        <v>1297</v>
      </c>
      <c r="D15" s="19">
        <v>668</v>
      </c>
      <c r="E15" s="19">
        <v>629</v>
      </c>
      <c r="F15" s="19"/>
      <c r="G15" s="18" t="s">
        <v>28</v>
      </c>
      <c r="H15" s="17"/>
      <c r="I15" s="13">
        <v>1867</v>
      </c>
      <c r="J15" s="19">
        <v>929</v>
      </c>
      <c r="K15" s="19">
        <v>938</v>
      </c>
    </row>
    <row r="16" spans="1:11" ht="15" customHeight="1">
      <c r="A16" s="17" t="s">
        <v>29</v>
      </c>
      <c r="B16" s="17"/>
      <c r="C16" s="13">
        <v>1295</v>
      </c>
      <c r="D16" s="19">
        <v>671</v>
      </c>
      <c r="E16" s="19">
        <v>624</v>
      </c>
      <c r="F16" s="19"/>
      <c r="G16" s="18" t="s">
        <v>30</v>
      </c>
      <c r="H16" s="17"/>
      <c r="I16" s="13">
        <v>1852</v>
      </c>
      <c r="J16" s="19">
        <v>920</v>
      </c>
      <c r="K16" s="19">
        <v>932</v>
      </c>
    </row>
    <row r="17" spans="1:11" ht="20.100000000000001" customHeight="1">
      <c r="A17" s="20" t="s">
        <v>31</v>
      </c>
      <c r="B17" s="20"/>
      <c r="C17" s="13">
        <v>6878</v>
      </c>
      <c r="D17" s="14">
        <v>3517</v>
      </c>
      <c r="E17" s="14">
        <v>3361</v>
      </c>
      <c r="F17" s="14"/>
      <c r="G17" s="18" t="s">
        <v>32</v>
      </c>
      <c r="H17" s="17"/>
      <c r="I17" s="13">
        <v>9657</v>
      </c>
      <c r="J17" s="14">
        <v>4810</v>
      </c>
      <c r="K17" s="14">
        <v>4847</v>
      </c>
    </row>
    <row r="18" spans="1:11" ht="15" customHeight="1">
      <c r="A18" s="17" t="s">
        <v>33</v>
      </c>
      <c r="B18" s="17"/>
      <c r="C18" s="13">
        <v>1332</v>
      </c>
      <c r="D18" s="19">
        <v>688</v>
      </c>
      <c r="E18" s="19">
        <v>644</v>
      </c>
      <c r="F18" s="19"/>
      <c r="G18" s="18" t="s">
        <v>34</v>
      </c>
      <c r="H18" s="17"/>
      <c r="I18" s="13">
        <v>1841</v>
      </c>
      <c r="J18" s="19">
        <v>938</v>
      </c>
      <c r="K18" s="19">
        <v>903</v>
      </c>
    </row>
    <row r="19" spans="1:11" ht="15" customHeight="1">
      <c r="A19" s="17" t="s">
        <v>35</v>
      </c>
      <c r="B19" s="17"/>
      <c r="C19" s="13">
        <v>1421</v>
      </c>
      <c r="D19" s="19">
        <v>746</v>
      </c>
      <c r="E19" s="19">
        <v>675</v>
      </c>
      <c r="F19" s="19"/>
      <c r="G19" s="18" t="s">
        <v>36</v>
      </c>
      <c r="H19" s="17"/>
      <c r="I19" s="13">
        <v>1952</v>
      </c>
      <c r="J19" s="19">
        <v>970</v>
      </c>
      <c r="K19" s="19">
        <v>982</v>
      </c>
    </row>
    <row r="20" spans="1:11" ht="15" customHeight="1">
      <c r="A20" s="17" t="s">
        <v>37</v>
      </c>
      <c r="B20" s="17"/>
      <c r="C20" s="13">
        <v>1381</v>
      </c>
      <c r="D20" s="19">
        <v>702</v>
      </c>
      <c r="E20" s="19">
        <v>679</v>
      </c>
      <c r="F20" s="19"/>
      <c r="G20" s="18" t="s">
        <v>38</v>
      </c>
      <c r="H20" s="17"/>
      <c r="I20" s="13">
        <v>1816</v>
      </c>
      <c r="J20" s="19">
        <v>902</v>
      </c>
      <c r="K20" s="19">
        <v>914</v>
      </c>
    </row>
    <row r="21" spans="1:11" ht="15" customHeight="1">
      <c r="A21" s="17" t="s">
        <v>39</v>
      </c>
      <c r="B21" s="17"/>
      <c r="C21" s="13">
        <v>1387</v>
      </c>
      <c r="D21" s="19">
        <v>708</v>
      </c>
      <c r="E21" s="19">
        <v>679</v>
      </c>
      <c r="F21" s="19"/>
      <c r="G21" s="18" t="s">
        <v>40</v>
      </c>
      <c r="H21" s="17"/>
      <c r="I21" s="13">
        <v>1957</v>
      </c>
      <c r="J21" s="19">
        <v>974</v>
      </c>
      <c r="K21" s="19">
        <v>983</v>
      </c>
    </row>
    <row r="22" spans="1:11" ht="15" customHeight="1">
      <c r="A22" s="17" t="s">
        <v>41</v>
      </c>
      <c r="B22" s="17"/>
      <c r="C22" s="13">
        <v>1357</v>
      </c>
      <c r="D22" s="19">
        <v>673</v>
      </c>
      <c r="E22" s="19">
        <v>684</v>
      </c>
      <c r="F22" s="19"/>
      <c r="G22" s="18" t="s">
        <v>42</v>
      </c>
      <c r="H22" s="17"/>
      <c r="I22" s="13">
        <v>2091</v>
      </c>
      <c r="J22" s="19">
        <v>1026</v>
      </c>
      <c r="K22" s="19">
        <v>1065</v>
      </c>
    </row>
    <row r="23" spans="1:11" ht="20.100000000000001" customHeight="1">
      <c r="A23" s="17" t="s">
        <v>43</v>
      </c>
      <c r="B23" s="17"/>
      <c r="C23" s="13">
        <v>7472</v>
      </c>
      <c r="D23" s="14">
        <v>3750</v>
      </c>
      <c r="E23" s="14">
        <v>3722</v>
      </c>
      <c r="F23" s="14"/>
      <c r="G23" s="18" t="s">
        <v>44</v>
      </c>
      <c r="H23" s="17"/>
      <c r="I23" s="13">
        <v>12277</v>
      </c>
      <c r="J23" s="14">
        <v>5958</v>
      </c>
      <c r="K23" s="14">
        <v>6319</v>
      </c>
    </row>
    <row r="24" spans="1:11" ht="15" customHeight="1">
      <c r="A24" s="17" t="s">
        <v>45</v>
      </c>
      <c r="B24" s="17"/>
      <c r="C24" s="13">
        <v>1380</v>
      </c>
      <c r="D24" s="19">
        <v>659</v>
      </c>
      <c r="E24" s="19">
        <v>721</v>
      </c>
      <c r="F24" s="19"/>
      <c r="G24" s="18" t="s">
        <v>46</v>
      </c>
      <c r="H24" s="17"/>
      <c r="I24" s="13">
        <v>2129</v>
      </c>
      <c r="J24" s="19">
        <v>1041</v>
      </c>
      <c r="K24" s="19">
        <v>1088</v>
      </c>
    </row>
    <row r="25" spans="1:11" ht="15" customHeight="1">
      <c r="A25" s="17" t="s">
        <v>47</v>
      </c>
      <c r="B25" s="17"/>
      <c r="C25" s="13">
        <v>1407</v>
      </c>
      <c r="D25" s="19">
        <v>683</v>
      </c>
      <c r="E25" s="19">
        <v>724</v>
      </c>
      <c r="F25" s="19"/>
      <c r="G25" s="18" t="s">
        <v>48</v>
      </c>
      <c r="H25" s="17"/>
      <c r="I25" s="13">
        <v>2206</v>
      </c>
      <c r="J25" s="19">
        <v>1051</v>
      </c>
      <c r="K25" s="19">
        <v>1155</v>
      </c>
    </row>
    <row r="26" spans="1:11" ht="15" customHeight="1">
      <c r="A26" s="17" t="s">
        <v>49</v>
      </c>
      <c r="B26" s="17"/>
      <c r="C26" s="13">
        <v>1424</v>
      </c>
      <c r="D26" s="19">
        <v>719</v>
      </c>
      <c r="E26" s="19">
        <v>705</v>
      </c>
      <c r="F26" s="19"/>
      <c r="G26" s="18" t="s">
        <v>50</v>
      </c>
      <c r="H26" s="17"/>
      <c r="I26" s="13">
        <v>2406</v>
      </c>
      <c r="J26" s="19">
        <v>1165</v>
      </c>
      <c r="K26" s="19">
        <v>1241</v>
      </c>
    </row>
    <row r="27" spans="1:11" ht="15" customHeight="1">
      <c r="A27" s="17" t="s">
        <v>51</v>
      </c>
      <c r="B27" s="17"/>
      <c r="C27" s="13">
        <v>1558</v>
      </c>
      <c r="D27" s="19">
        <v>799</v>
      </c>
      <c r="E27" s="19">
        <v>759</v>
      </c>
      <c r="F27" s="19"/>
      <c r="G27" s="18" t="s">
        <v>52</v>
      </c>
      <c r="H27" s="17"/>
      <c r="I27" s="13">
        <v>2682</v>
      </c>
      <c r="J27" s="19">
        <v>1306</v>
      </c>
      <c r="K27" s="19">
        <v>1376</v>
      </c>
    </row>
    <row r="28" spans="1:11" ht="15" customHeight="1">
      <c r="A28" s="17" t="s">
        <v>53</v>
      </c>
      <c r="B28" s="17"/>
      <c r="C28" s="13">
        <v>1703</v>
      </c>
      <c r="D28" s="19">
        <v>890</v>
      </c>
      <c r="E28" s="19">
        <v>813</v>
      </c>
      <c r="F28" s="19"/>
      <c r="G28" s="18" t="s">
        <v>54</v>
      </c>
      <c r="H28" s="17"/>
      <c r="I28" s="13">
        <v>2854</v>
      </c>
      <c r="J28" s="19">
        <v>1395</v>
      </c>
      <c r="K28" s="19">
        <v>1459</v>
      </c>
    </row>
    <row r="29" spans="1:11" ht="20.100000000000001" customHeight="1">
      <c r="A29" s="17" t="s">
        <v>55</v>
      </c>
      <c r="B29" s="17"/>
      <c r="C29" s="13">
        <v>10323</v>
      </c>
      <c r="D29" s="14">
        <v>6030</v>
      </c>
      <c r="E29" s="14">
        <v>4293</v>
      </c>
      <c r="F29" s="14"/>
      <c r="G29" s="18" t="s">
        <v>56</v>
      </c>
      <c r="H29" s="17"/>
      <c r="I29" s="13">
        <v>13435</v>
      </c>
      <c r="J29" s="14">
        <v>6537</v>
      </c>
      <c r="K29" s="14">
        <v>6898</v>
      </c>
    </row>
    <row r="30" spans="1:11" ht="15" customHeight="1">
      <c r="A30" s="17" t="s">
        <v>57</v>
      </c>
      <c r="B30" s="17"/>
      <c r="C30" s="13">
        <v>1756</v>
      </c>
      <c r="D30" s="19">
        <v>932</v>
      </c>
      <c r="E30" s="19">
        <v>824</v>
      </c>
      <c r="F30" s="19"/>
      <c r="G30" s="18" t="s">
        <v>58</v>
      </c>
      <c r="H30" s="17"/>
      <c r="I30" s="13">
        <v>3332</v>
      </c>
      <c r="J30" s="19">
        <v>1595</v>
      </c>
      <c r="K30" s="19">
        <v>1737</v>
      </c>
    </row>
    <row r="31" spans="1:11" ht="15" customHeight="1">
      <c r="A31" s="17" t="s">
        <v>59</v>
      </c>
      <c r="B31" s="17"/>
      <c r="C31" s="13">
        <v>1883</v>
      </c>
      <c r="D31" s="19">
        <v>1059</v>
      </c>
      <c r="E31" s="19">
        <v>824</v>
      </c>
      <c r="F31" s="19"/>
      <c r="G31" s="18" t="s">
        <v>60</v>
      </c>
      <c r="H31" s="17"/>
      <c r="I31" s="13">
        <v>3246</v>
      </c>
      <c r="J31" s="19">
        <v>1598</v>
      </c>
      <c r="K31" s="19">
        <v>1648</v>
      </c>
    </row>
    <row r="32" spans="1:11" ht="15" customHeight="1">
      <c r="A32" s="17" t="s">
        <v>61</v>
      </c>
      <c r="B32" s="17"/>
      <c r="C32" s="13">
        <v>2021</v>
      </c>
      <c r="D32" s="19">
        <v>1177</v>
      </c>
      <c r="E32" s="19">
        <v>844</v>
      </c>
      <c r="F32" s="19"/>
      <c r="G32" s="18" t="s">
        <v>62</v>
      </c>
      <c r="H32" s="17"/>
      <c r="I32" s="13">
        <v>2925</v>
      </c>
      <c r="J32" s="19">
        <v>1427</v>
      </c>
      <c r="K32" s="19">
        <v>1498</v>
      </c>
    </row>
    <row r="33" spans="1:11" ht="15" customHeight="1">
      <c r="A33" s="17" t="s">
        <v>63</v>
      </c>
      <c r="B33" s="17"/>
      <c r="C33" s="13">
        <v>2400</v>
      </c>
      <c r="D33" s="19">
        <v>1485</v>
      </c>
      <c r="E33" s="19">
        <v>915</v>
      </c>
      <c r="F33" s="19"/>
      <c r="G33" s="18" t="s">
        <v>64</v>
      </c>
      <c r="H33" s="17"/>
      <c r="I33" s="13">
        <v>2097</v>
      </c>
      <c r="J33" s="19">
        <v>997</v>
      </c>
      <c r="K33" s="19">
        <v>1100</v>
      </c>
    </row>
    <row r="34" spans="1:11" ht="15" customHeight="1">
      <c r="A34" s="17" t="s">
        <v>65</v>
      </c>
      <c r="B34" s="17"/>
      <c r="C34" s="13">
        <v>2263</v>
      </c>
      <c r="D34" s="19">
        <v>1377</v>
      </c>
      <c r="E34" s="19">
        <v>886</v>
      </c>
      <c r="F34" s="19"/>
      <c r="G34" s="18" t="s">
        <v>66</v>
      </c>
      <c r="H34" s="17"/>
      <c r="I34" s="13">
        <v>1835</v>
      </c>
      <c r="J34" s="19">
        <v>920</v>
      </c>
      <c r="K34" s="19">
        <v>915</v>
      </c>
    </row>
    <row r="35" spans="1:11" ht="20.100000000000001" customHeight="1">
      <c r="A35" s="17" t="s">
        <v>67</v>
      </c>
      <c r="B35" s="17"/>
      <c r="C35" s="13">
        <v>8345</v>
      </c>
      <c r="D35" s="14">
        <v>4819</v>
      </c>
      <c r="E35" s="14">
        <v>3526</v>
      </c>
      <c r="F35" s="14"/>
      <c r="G35" s="18" t="s">
        <v>68</v>
      </c>
      <c r="H35" s="17"/>
      <c r="I35" s="13">
        <v>10508</v>
      </c>
      <c r="J35" s="14">
        <v>5081</v>
      </c>
      <c r="K35" s="14">
        <v>5427</v>
      </c>
    </row>
    <row r="36" spans="1:11" ht="15" customHeight="1">
      <c r="A36" s="17" t="s">
        <v>69</v>
      </c>
      <c r="B36" s="17"/>
      <c r="C36" s="13">
        <v>2251</v>
      </c>
      <c r="D36" s="19">
        <v>1420</v>
      </c>
      <c r="E36" s="19">
        <v>831</v>
      </c>
      <c r="F36" s="19"/>
      <c r="G36" s="18" t="s">
        <v>70</v>
      </c>
      <c r="H36" s="17"/>
      <c r="I36" s="13">
        <v>2255</v>
      </c>
      <c r="J36" s="19">
        <v>1108</v>
      </c>
      <c r="K36" s="19">
        <v>1147</v>
      </c>
    </row>
    <row r="37" spans="1:11" ht="15" customHeight="1">
      <c r="A37" s="17" t="s">
        <v>71</v>
      </c>
      <c r="B37" s="17"/>
      <c r="C37" s="13">
        <v>1861</v>
      </c>
      <c r="D37" s="19">
        <v>1109</v>
      </c>
      <c r="E37" s="19">
        <v>752</v>
      </c>
      <c r="F37" s="19"/>
      <c r="G37" s="18" t="s">
        <v>72</v>
      </c>
      <c r="H37" s="17"/>
      <c r="I37" s="13">
        <v>2318</v>
      </c>
      <c r="J37" s="19">
        <v>1129</v>
      </c>
      <c r="K37" s="19">
        <v>1189</v>
      </c>
    </row>
    <row r="38" spans="1:11" ht="15" customHeight="1">
      <c r="A38" s="17" t="s">
        <v>73</v>
      </c>
      <c r="B38" s="17"/>
      <c r="C38" s="13">
        <v>1432</v>
      </c>
      <c r="D38" s="19">
        <v>786</v>
      </c>
      <c r="E38" s="19">
        <v>646</v>
      </c>
      <c r="F38" s="19"/>
      <c r="G38" s="18" t="s">
        <v>74</v>
      </c>
      <c r="H38" s="17"/>
      <c r="I38" s="13">
        <v>2142</v>
      </c>
      <c r="J38" s="19">
        <v>1035</v>
      </c>
      <c r="K38" s="19">
        <v>1107</v>
      </c>
    </row>
    <row r="39" spans="1:11" ht="15" customHeight="1">
      <c r="A39" s="17" t="s">
        <v>75</v>
      </c>
      <c r="B39" s="17"/>
      <c r="C39" s="13">
        <v>1467</v>
      </c>
      <c r="D39" s="19">
        <v>778</v>
      </c>
      <c r="E39" s="19">
        <v>689</v>
      </c>
      <c r="F39" s="19"/>
      <c r="G39" s="18" t="s">
        <v>76</v>
      </c>
      <c r="H39" s="17"/>
      <c r="I39" s="13">
        <v>2049</v>
      </c>
      <c r="J39" s="19">
        <v>963</v>
      </c>
      <c r="K39" s="19">
        <v>1086</v>
      </c>
    </row>
    <row r="40" spans="1:11" ht="15" customHeight="1">
      <c r="A40" s="17" t="s">
        <v>77</v>
      </c>
      <c r="B40" s="17"/>
      <c r="C40" s="13">
        <v>1334</v>
      </c>
      <c r="D40" s="19">
        <v>726</v>
      </c>
      <c r="E40" s="19">
        <v>608</v>
      </c>
      <c r="F40" s="19"/>
      <c r="G40" s="18" t="s">
        <v>78</v>
      </c>
      <c r="H40" s="17"/>
      <c r="I40" s="13">
        <v>1744</v>
      </c>
      <c r="J40" s="19">
        <v>846</v>
      </c>
      <c r="K40" s="19">
        <v>898</v>
      </c>
    </row>
    <row r="41" spans="1:11" ht="20.100000000000001" customHeight="1">
      <c r="A41" s="17" t="s">
        <v>79</v>
      </c>
      <c r="B41" s="17"/>
      <c r="C41" s="13">
        <v>7246</v>
      </c>
      <c r="D41" s="14">
        <v>3900</v>
      </c>
      <c r="E41" s="14">
        <v>3346</v>
      </c>
      <c r="F41" s="14"/>
      <c r="G41" s="18" t="s">
        <v>80</v>
      </c>
      <c r="H41" s="17"/>
      <c r="I41" s="13">
        <v>6337</v>
      </c>
      <c r="J41" s="14">
        <v>2873</v>
      </c>
      <c r="K41" s="14">
        <v>3464</v>
      </c>
    </row>
    <row r="42" spans="1:11" ht="15" customHeight="1">
      <c r="A42" s="17" t="s">
        <v>81</v>
      </c>
      <c r="B42" s="17"/>
      <c r="C42" s="13">
        <v>1351</v>
      </c>
      <c r="D42" s="19">
        <v>743</v>
      </c>
      <c r="E42" s="19">
        <v>608</v>
      </c>
      <c r="F42" s="19"/>
      <c r="G42" s="18" t="s">
        <v>82</v>
      </c>
      <c r="H42" s="17"/>
      <c r="I42" s="13">
        <v>1477</v>
      </c>
      <c r="J42" s="19">
        <v>712</v>
      </c>
      <c r="K42" s="19">
        <v>765</v>
      </c>
    </row>
    <row r="43" spans="1:11" ht="15" customHeight="1">
      <c r="A43" s="17" t="s">
        <v>83</v>
      </c>
      <c r="B43" s="17"/>
      <c r="C43" s="13">
        <v>1423</v>
      </c>
      <c r="D43" s="19">
        <v>725</v>
      </c>
      <c r="E43" s="19">
        <v>698</v>
      </c>
      <c r="F43" s="19"/>
      <c r="G43" s="18" t="s">
        <v>84</v>
      </c>
      <c r="H43" s="17"/>
      <c r="I43" s="13">
        <v>1305</v>
      </c>
      <c r="J43" s="19">
        <v>622</v>
      </c>
      <c r="K43" s="19">
        <v>683</v>
      </c>
    </row>
    <row r="44" spans="1:11" ht="15" customHeight="1">
      <c r="A44" s="17" t="s">
        <v>85</v>
      </c>
      <c r="B44" s="17"/>
      <c r="C44" s="13">
        <v>1453</v>
      </c>
      <c r="D44" s="19">
        <v>802</v>
      </c>
      <c r="E44" s="19">
        <v>651</v>
      </c>
      <c r="F44" s="19"/>
      <c r="G44" s="18" t="s">
        <v>86</v>
      </c>
      <c r="H44" s="17"/>
      <c r="I44" s="13">
        <v>1316</v>
      </c>
      <c r="J44" s="19">
        <v>566</v>
      </c>
      <c r="K44" s="19">
        <v>750</v>
      </c>
    </row>
    <row r="45" spans="1:11" ht="15" customHeight="1">
      <c r="A45" s="17" t="s">
        <v>87</v>
      </c>
      <c r="B45" s="17"/>
      <c r="C45" s="13">
        <v>1462</v>
      </c>
      <c r="D45" s="19">
        <v>799</v>
      </c>
      <c r="E45" s="19">
        <v>663</v>
      </c>
      <c r="F45" s="19"/>
      <c r="G45" s="18" t="s">
        <v>88</v>
      </c>
      <c r="H45" s="17"/>
      <c r="I45" s="13">
        <v>1160</v>
      </c>
      <c r="J45" s="19">
        <v>515</v>
      </c>
      <c r="K45" s="19">
        <v>645</v>
      </c>
    </row>
    <row r="46" spans="1:11" ht="15" customHeight="1">
      <c r="A46" s="17" t="s">
        <v>89</v>
      </c>
      <c r="B46" s="17"/>
      <c r="C46" s="13">
        <v>1557</v>
      </c>
      <c r="D46" s="19">
        <v>831</v>
      </c>
      <c r="E46" s="19">
        <v>726</v>
      </c>
      <c r="F46" s="19"/>
      <c r="G46" s="18" t="s">
        <v>90</v>
      </c>
      <c r="H46" s="17"/>
      <c r="I46" s="13">
        <v>1079</v>
      </c>
      <c r="J46" s="19">
        <v>458</v>
      </c>
      <c r="K46" s="19">
        <v>621</v>
      </c>
    </row>
    <row r="47" spans="1:11" ht="20.100000000000001" customHeight="1">
      <c r="A47" s="17" t="s">
        <v>91</v>
      </c>
      <c r="B47" s="17"/>
      <c r="C47" s="13">
        <v>9022</v>
      </c>
      <c r="D47" s="14">
        <v>4798</v>
      </c>
      <c r="E47" s="14">
        <v>4224</v>
      </c>
      <c r="F47" s="14"/>
      <c r="G47" s="18" t="s">
        <v>92</v>
      </c>
      <c r="H47" s="17"/>
      <c r="I47" s="13">
        <v>3857</v>
      </c>
      <c r="J47" s="14">
        <v>1451</v>
      </c>
      <c r="K47" s="14">
        <v>2406</v>
      </c>
    </row>
    <row r="48" spans="1:11" ht="15" customHeight="1">
      <c r="A48" s="17" t="s">
        <v>93</v>
      </c>
      <c r="B48" s="17"/>
      <c r="C48" s="13">
        <v>1648</v>
      </c>
      <c r="D48" s="19">
        <v>846</v>
      </c>
      <c r="E48" s="19">
        <v>802</v>
      </c>
      <c r="F48" s="19"/>
      <c r="G48" s="18" t="s">
        <v>94</v>
      </c>
      <c r="H48" s="17"/>
      <c r="I48" s="13">
        <v>965</v>
      </c>
      <c r="J48" s="19">
        <v>402</v>
      </c>
      <c r="K48" s="19">
        <v>563</v>
      </c>
    </row>
    <row r="49" spans="1:11" ht="15" customHeight="1">
      <c r="A49" s="17" t="s">
        <v>95</v>
      </c>
      <c r="B49" s="17"/>
      <c r="C49" s="13">
        <v>1766</v>
      </c>
      <c r="D49" s="19">
        <v>916</v>
      </c>
      <c r="E49" s="19">
        <v>850</v>
      </c>
      <c r="F49" s="19"/>
      <c r="G49" s="18" t="s">
        <v>96</v>
      </c>
      <c r="H49" s="17"/>
      <c r="I49" s="13">
        <v>846</v>
      </c>
      <c r="J49" s="19">
        <v>338</v>
      </c>
      <c r="K49" s="19">
        <v>508</v>
      </c>
    </row>
    <row r="50" spans="1:11" ht="15" customHeight="1">
      <c r="A50" s="17" t="s">
        <v>97</v>
      </c>
      <c r="B50" s="17"/>
      <c r="C50" s="13">
        <v>1778</v>
      </c>
      <c r="D50" s="19">
        <v>963</v>
      </c>
      <c r="E50" s="19">
        <v>815</v>
      </c>
      <c r="F50" s="19"/>
      <c r="G50" s="18" t="s">
        <v>98</v>
      </c>
      <c r="H50" s="17"/>
      <c r="I50" s="13">
        <v>780</v>
      </c>
      <c r="J50" s="19">
        <v>278</v>
      </c>
      <c r="K50" s="19">
        <v>502</v>
      </c>
    </row>
    <row r="51" spans="1:11" ht="15" customHeight="1">
      <c r="A51" s="17" t="s">
        <v>99</v>
      </c>
      <c r="B51" s="17"/>
      <c r="C51" s="13">
        <v>1983</v>
      </c>
      <c r="D51" s="19">
        <v>1061</v>
      </c>
      <c r="E51" s="19">
        <v>922</v>
      </c>
      <c r="F51" s="19"/>
      <c r="G51" s="18" t="s">
        <v>100</v>
      </c>
      <c r="H51" s="17"/>
      <c r="I51" s="13">
        <v>688</v>
      </c>
      <c r="J51" s="19">
        <v>240</v>
      </c>
      <c r="K51" s="19">
        <v>448</v>
      </c>
    </row>
    <row r="52" spans="1:11" ht="15" customHeight="1">
      <c r="A52" s="17" t="s">
        <v>101</v>
      </c>
      <c r="B52" s="17"/>
      <c r="C52" s="13">
        <v>1847</v>
      </c>
      <c r="D52" s="19">
        <v>1012</v>
      </c>
      <c r="E52" s="19">
        <v>835</v>
      </c>
      <c r="F52" s="19"/>
      <c r="G52" s="18" t="s">
        <v>102</v>
      </c>
      <c r="H52" s="17"/>
      <c r="I52" s="13">
        <v>578</v>
      </c>
      <c r="J52" s="19">
        <v>193</v>
      </c>
      <c r="K52" s="19">
        <v>385</v>
      </c>
    </row>
    <row r="53" spans="1:11" ht="20.100000000000001" customHeight="1">
      <c r="A53" s="17" t="s">
        <v>103</v>
      </c>
      <c r="B53" s="17"/>
      <c r="C53" s="13">
        <v>10884</v>
      </c>
      <c r="D53" s="14">
        <v>5714</v>
      </c>
      <c r="E53" s="14">
        <v>5170</v>
      </c>
      <c r="F53" s="14"/>
      <c r="G53" s="18" t="s">
        <v>104</v>
      </c>
      <c r="H53" s="17"/>
      <c r="I53" s="13">
        <v>1770</v>
      </c>
      <c r="J53" s="14">
        <v>465</v>
      </c>
      <c r="K53" s="14">
        <v>1305</v>
      </c>
    </row>
    <row r="54" spans="1:11" ht="15" customHeight="1">
      <c r="A54" s="17" t="s">
        <v>105</v>
      </c>
      <c r="B54" s="17"/>
      <c r="C54" s="13">
        <v>2044</v>
      </c>
      <c r="D54" s="19">
        <v>1078</v>
      </c>
      <c r="E54" s="19">
        <v>966</v>
      </c>
      <c r="F54" s="19"/>
      <c r="G54" s="18" t="s">
        <v>106</v>
      </c>
      <c r="H54" s="17"/>
      <c r="I54" s="13">
        <v>461</v>
      </c>
      <c r="J54" s="19">
        <v>146</v>
      </c>
      <c r="K54" s="19">
        <v>315</v>
      </c>
    </row>
    <row r="55" spans="1:11" ht="15" customHeight="1">
      <c r="A55" s="17" t="s">
        <v>107</v>
      </c>
      <c r="B55" s="17"/>
      <c r="C55" s="13">
        <v>2128</v>
      </c>
      <c r="D55" s="19">
        <v>1096</v>
      </c>
      <c r="E55" s="19">
        <v>1032</v>
      </c>
      <c r="F55" s="19"/>
      <c r="G55" s="18" t="s">
        <v>108</v>
      </c>
      <c r="H55" s="17"/>
      <c r="I55" s="13">
        <v>429</v>
      </c>
      <c r="J55" s="19">
        <v>109</v>
      </c>
      <c r="K55" s="19">
        <v>320</v>
      </c>
    </row>
    <row r="56" spans="1:11" ht="15" customHeight="1">
      <c r="A56" s="17" t="s">
        <v>109</v>
      </c>
      <c r="B56" s="17"/>
      <c r="C56" s="13">
        <v>2195</v>
      </c>
      <c r="D56" s="19">
        <v>1181</v>
      </c>
      <c r="E56" s="19">
        <v>1014</v>
      </c>
      <c r="F56" s="19"/>
      <c r="G56" s="18" t="s">
        <v>110</v>
      </c>
      <c r="H56" s="17"/>
      <c r="I56" s="13">
        <v>322</v>
      </c>
      <c r="J56" s="19">
        <v>80</v>
      </c>
      <c r="K56" s="19">
        <v>242</v>
      </c>
    </row>
    <row r="57" spans="1:11" ht="15" customHeight="1">
      <c r="A57" s="17" t="s">
        <v>111</v>
      </c>
      <c r="B57" s="17"/>
      <c r="C57" s="13">
        <v>2224</v>
      </c>
      <c r="D57" s="19">
        <v>1162</v>
      </c>
      <c r="E57" s="19">
        <v>1062</v>
      </c>
      <c r="F57" s="19"/>
      <c r="G57" s="18" t="s">
        <v>112</v>
      </c>
      <c r="H57" s="17"/>
      <c r="I57" s="13">
        <v>306</v>
      </c>
      <c r="J57" s="19">
        <v>79</v>
      </c>
      <c r="K57" s="19">
        <v>227</v>
      </c>
    </row>
    <row r="58" spans="1:11" ht="15" customHeight="1">
      <c r="A58" s="17" t="s">
        <v>113</v>
      </c>
      <c r="B58" s="17"/>
      <c r="C58" s="13">
        <v>2293</v>
      </c>
      <c r="D58" s="19">
        <v>1197</v>
      </c>
      <c r="E58" s="19">
        <v>1096</v>
      </c>
      <c r="F58" s="19"/>
      <c r="G58" s="18" t="s">
        <v>114</v>
      </c>
      <c r="H58" s="17"/>
      <c r="I58" s="13">
        <v>252</v>
      </c>
      <c r="J58" s="19">
        <v>51</v>
      </c>
      <c r="K58" s="19">
        <v>201</v>
      </c>
    </row>
    <row r="59" spans="1:11" ht="20.100000000000001" customHeight="1">
      <c r="A59" s="17" t="s">
        <v>115</v>
      </c>
      <c r="B59" s="17"/>
      <c r="C59" s="13">
        <v>12776</v>
      </c>
      <c r="D59" s="14">
        <v>6674</v>
      </c>
      <c r="E59" s="14">
        <v>6102</v>
      </c>
      <c r="F59" s="14"/>
      <c r="G59" s="18" t="s">
        <v>116</v>
      </c>
      <c r="H59" s="17"/>
      <c r="I59" s="13">
        <v>537</v>
      </c>
      <c r="J59" s="14">
        <v>104</v>
      </c>
      <c r="K59" s="14">
        <v>433</v>
      </c>
    </row>
    <row r="60" spans="1:11" ht="15" customHeight="1">
      <c r="A60" s="17" t="s">
        <v>117</v>
      </c>
      <c r="B60" s="17"/>
      <c r="C60" s="13">
        <v>2532</v>
      </c>
      <c r="D60" s="19">
        <v>1313</v>
      </c>
      <c r="E60" s="19">
        <v>1219</v>
      </c>
      <c r="F60" s="19"/>
      <c r="G60" s="18" t="s">
        <v>118</v>
      </c>
      <c r="H60" s="17"/>
      <c r="I60" s="13">
        <v>182</v>
      </c>
      <c r="J60" s="19">
        <v>27</v>
      </c>
      <c r="K60" s="19">
        <v>155</v>
      </c>
    </row>
    <row r="61" spans="1:11" ht="15" customHeight="1">
      <c r="A61" s="17" t="s">
        <v>119</v>
      </c>
      <c r="B61" s="17"/>
      <c r="C61" s="13">
        <v>2655</v>
      </c>
      <c r="D61" s="19">
        <v>1356</v>
      </c>
      <c r="E61" s="19">
        <v>1299</v>
      </c>
      <c r="F61" s="19"/>
      <c r="G61" s="18" t="s">
        <v>120</v>
      </c>
      <c r="H61" s="17"/>
      <c r="I61" s="13">
        <v>150</v>
      </c>
      <c r="J61" s="19">
        <v>43</v>
      </c>
      <c r="K61" s="19">
        <v>107</v>
      </c>
    </row>
    <row r="62" spans="1:11" ht="15" customHeight="1">
      <c r="A62" s="17" t="s">
        <v>121</v>
      </c>
      <c r="B62" s="17"/>
      <c r="C62" s="13">
        <v>2577</v>
      </c>
      <c r="D62" s="19">
        <v>1375</v>
      </c>
      <c r="E62" s="19">
        <v>1202</v>
      </c>
      <c r="F62" s="19"/>
      <c r="G62" s="18" t="s">
        <v>122</v>
      </c>
      <c r="H62" s="17"/>
      <c r="I62" s="13">
        <v>101</v>
      </c>
      <c r="J62" s="19">
        <v>15</v>
      </c>
      <c r="K62" s="19">
        <v>86</v>
      </c>
    </row>
    <row r="63" spans="1:11" ht="15" customHeight="1">
      <c r="A63" s="17" t="s">
        <v>123</v>
      </c>
      <c r="B63" s="17"/>
      <c r="C63" s="13">
        <v>2551</v>
      </c>
      <c r="D63" s="19">
        <v>1335</v>
      </c>
      <c r="E63" s="19">
        <v>1216</v>
      </c>
      <c r="F63" s="19"/>
      <c r="G63" s="18" t="s">
        <v>124</v>
      </c>
      <c r="H63" s="17"/>
      <c r="I63" s="13">
        <v>70</v>
      </c>
      <c r="J63" s="19">
        <v>13</v>
      </c>
      <c r="K63" s="19">
        <v>57</v>
      </c>
    </row>
    <row r="64" spans="1:11" ht="15" customHeight="1">
      <c r="A64" s="17" t="s">
        <v>125</v>
      </c>
      <c r="B64" s="17"/>
      <c r="C64" s="13">
        <v>2461</v>
      </c>
      <c r="D64" s="19">
        <v>1295</v>
      </c>
      <c r="E64" s="19">
        <v>1166</v>
      </c>
      <c r="F64" s="19"/>
      <c r="G64" s="18" t="s">
        <v>126</v>
      </c>
      <c r="H64" s="17"/>
      <c r="I64" s="13">
        <v>34</v>
      </c>
      <c r="J64" s="19">
        <v>6</v>
      </c>
      <c r="K64" s="19">
        <v>2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3</v>
      </c>
      <c r="J65" s="19">
        <v>19</v>
      </c>
      <c r="K65" s="19">
        <v>6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21</v>
      </c>
      <c r="J66" s="29">
        <v>1187</v>
      </c>
      <c r="K66" s="29">
        <v>23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2054</v>
      </c>
      <c r="D4" s="14">
        <v>51697</v>
      </c>
      <c r="E4" s="14">
        <v>5035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676</v>
      </c>
      <c r="D5" s="14">
        <v>1893</v>
      </c>
      <c r="E5" s="14">
        <v>1783</v>
      </c>
      <c r="F5" s="14"/>
      <c r="G5" s="18" t="s">
        <v>8</v>
      </c>
      <c r="H5" s="17"/>
      <c r="I5" s="13">
        <v>7377</v>
      </c>
      <c r="J5" s="14">
        <v>3951</v>
      </c>
      <c r="K5" s="14">
        <v>3426</v>
      </c>
    </row>
    <row r="6" spans="1:11" ht="15" customHeight="1">
      <c r="A6" s="17" t="s">
        <v>9</v>
      </c>
      <c r="B6" s="17"/>
      <c r="C6" s="13">
        <v>720</v>
      </c>
      <c r="D6" s="19">
        <v>384</v>
      </c>
      <c r="E6" s="19">
        <v>336</v>
      </c>
      <c r="F6" s="19"/>
      <c r="G6" s="18" t="s">
        <v>10</v>
      </c>
      <c r="H6" s="17"/>
      <c r="I6" s="13">
        <v>1587</v>
      </c>
      <c r="J6" s="19">
        <v>850</v>
      </c>
      <c r="K6" s="19">
        <v>737</v>
      </c>
    </row>
    <row r="7" spans="1:11" ht="15" customHeight="1">
      <c r="A7" s="17" t="s">
        <v>11</v>
      </c>
      <c r="B7" s="17"/>
      <c r="C7" s="13">
        <v>709</v>
      </c>
      <c r="D7" s="19">
        <v>357</v>
      </c>
      <c r="E7" s="19">
        <v>352</v>
      </c>
      <c r="F7" s="19"/>
      <c r="G7" s="18" t="s">
        <v>12</v>
      </c>
      <c r="H7" s="17"/>
      <c r="I7" s="13">
        <v>1562</v>
      </c>
      <c r="J7" s="19">
        <v>851</v>
      </c>
      <c r="K7" s="19">
        <v>711</v>
      </c>
    </row>
    <row r="8" spans="1:11" ht="15" customHeight="1">
      <c r="A8" s="17" t="s">
        <v>13</v>
      </c>
      <c r="B8" s="17"/>
      <c r="C8" s="13">
        <v>730</v>
      </c>
      <c r="D8" s="19">
        <v>361</v>
      </c>
      <c r="E8" s="19">
        <v>369</v>
      </c>
      <c r="F8" s="19"/>
      <c r="G8" s="18" t="s">
        <v>14</v>
      </c>
      <c r="H8" s="17"/>
      <c r="I8" s="13">
        <v>1654</v>
      </c>
      <c r="J8" s="19">
        <v>866</v>
      </c>
      <c r="K8" s="19">
        <v>788</v>
      </c>
    </row>
    <row r="9" spans="1:11" ht="15" customHeight="1">
      <c r="A9" s="17" t="s">
        <v>15</v>
      </c>
      <c r="B9" s="17"/>
      <c r="C9" s="13">
        <v>757</v>
      </c>
      <c r="D9" s="19">
        <v>398</v>
      </c>
      <c r="E9" s="19">
        <v>359</v>
      </c>
      <c r="F9" s="19"/>
      <c r="G9" s="18" t="s">
        <v>16</v>
      </c>
      <c r="H9" s="17"/>
      <c r="I9" s="13">
        <v>1123</v>
      </c>
      <c r="J9" s="19">
        <v>606</v>
      </c>
      <c r="K9" s="19">
        <v>517</v>
      </c>
    </row>
    <row r="10" spans="1:11" ht="15" customHeight="1">
      <c r="A10" s="17" t="s">
        <v>17</v>
      </c>
      <c r="B10" s="17"/>
      <c r="C10" s="13">
        <v>760</v>
      </c>
      <c r="D10" s="19">
        <v>393</v>
      </c>
      <c r="E10" s="19">
        <v>367</v>
      </c>
      <c r="F10" s="19"/>
      <c r="G10" s="18" t="s">
        <v>18</v>
      </c>
      <c r="H10" s="17"/>
      <c r="I10" s="13">
        <v>1451</v>
      </c>
      <c r="J10" s="19">
        <v>778</v>
      </c>
      <c r="K10" s="19">
        <v>673</v>
      </c>
    </row>
    <row r="11" spans="1:11" ht="20.100000000000001" customHeight="1">
      <c r="A11" s="17" t="s">
        <v>19</v>
      </c>
      <c r="B11" s="17"/>
      <c r="C11" s="13">
        <v>3964</v>
      </c>
      <c r="D11" s="14">
        <v>2008</v>
      </c>
      <c r="E11" s="14">
        <v>1956</v>
      </c>
      <c r="F11" s="14"/>
      <c r="G11" s="18" t="s">
        <v>20</v>
      </c>
      <c r="H11" s="17"/>
      <c r="I11" s="13">
        <v>6187</v>
      </c>
      <c r="J11" s="14">
        <v>3210</v>
      </c>
      <c r="K11" s="14">
        <v>2977</v>
      </c>
    </row>
    <row r="12" spans="1:11" ht="15" customHeight="1">
      <c r="A12" s="17" t="s">
        <v>21</v>
      </c>
      <c r="B12" s="17"/>
      <c r="C12" s="13">
        <v>782</v>
      </c>
      <c r="D12" s="19">
        <v>411</v>
      </c>
      <c r="E12" s="19">
        <v>371</v>
      </c>
      <c r="F12" s="19"/>
      <c r="G12" s="18" t="s">
        <v>22</v>
      </c>
      <c r="H12" s="17"/>
      <c r="I12" s="13">
        <v>1341</v>
      </c>
      <c r="J12" s="19">
        <v>693</v>
      </c>
      <c r="K12" s="19">
        <v>648</v>
      </c>
    </row>
    <row r="13" spans="1:11" ht="15" customHeight="1">
      <c r="A13" s="17" t="s">
        <v>23</v>
      </c>
      <c r="B13" s="17"/>
      <c r="C13" s="13">
        <v>801</v>
      </c>
      <c r="D13" s="19">
        <v>407</v>
      </c>
      <c r="E13" s="19">
        <v>394</v>
      </c>
      <c r="F13" s="19"/>
      <c r="G13" s="18" t="s">
        <v>24</v>
      </c>
      <c r="H13" s="17"/>
      <c r="I13" s="13">
        <v>1285</v>
      </c>
      <c r="J13" s="19">
        <v>676</v>
      </c>
      <c r="K13" s="19">
        <v>609</v>
      </c>
    </row>
    <row r="14" spans="1:11" ht="15" customHeight="1">
      <c r="A14" s="17" t="s">
        <v>25</v>
      </c>
      <c r="B14" s="17"/>
      <c r="C14" s="13">
        <v>822</v>
      </c>
      <c r="D14" s="19">
        <v>411</v>
      </c>
      <c r="E14" s="19">
        <v>411</v>
      </c>
      <c r="F14" s="19"/>
      <c r="G14" s="18" t="s">
        <v>26</v>
      </c>
      <c r="H14" s="17"/>
      <c r="I14" s="13">
        <v>1221</v>
      </c>
      <c r="J14" s="19">
        <v>630</v>
      </c>
      <c r="K14" s="19">
        <v>591</v>
      </c>
    </row>
    <row r="15" spans="1:11" ht="15" customHeight="1">
      <c r="A15" s="17" t="s">
        <v>27</v>
      </c>
      <c r="B15" s="17"/>
      <c r="C15" s="13">
        <v>776</v>
      </c>
      <c r="D15" s="19">
        <v>382</v>
      </c>
      <c r="E15" s="19">
        <v>394</v>
      </c>
      <c r="F15" s="19"/>
      <c r="G15" s="18" t="s">
        <v>28</v>
      </c>
      <c r="H15" s="17"/>
      <c r="I15" s="13">
        <v>1244</v>
      </c>
      <c r="J15" s="19">
        <v>666</v>
      </c>
      <c r="K15" s="19">
        <v>578</v>
      </c>
    </row>
    <row r="16" spans="1:11" ht="15" customHeight="1">
      <c r="A16" s="17" t="s">
        <v>29</v>
      </c>
      <c r="B16" s="17"/>
      <c r="C16" s="13">
        <v>783</v>
      </c>
      <c r="D16" s="19">
        <v>397</v>
      </c>
      <c r="E16" s="19">
        <v>386</v>
      </c>
      <c r="F16" s="19"/>
      <c r="G16" s="18" t="s">
        <v>30</v>
      </c>
      <c r="H16" s="17"/>
      <c r="I16" s="13">
        <v>1096</v>
      </c>
      <c r="J16" s="19">
        <v>545</v>
      </c>
      <c r="K16" s="19">
        <v>551</v>
      </c>
    </row>
    <row r="17" spans="1:11" ht="20.100000000000001" customHeight="1">
      <c r="A17" s="20" t="s">
        <v>31</v>
      </c>
      <c r="B17" s="20"/>
      <c r="C17" s="13">
        <v>4175</v>
      </c>
      <c r="D17" s="14">
        <v>2110</v>
      </c>
      <c r="E17" s="14">
        <v>2065</v>
      </c>
      <c r="F17" s="14"/>
      <c r="G17" s="18" t="s">
        <v>32</v>
      </c>
      <c r="H17" s="17"/>
      <c r="I17" s="13">
        <v>5468</v>
      </c>
      <c r="J17" s="14">
        <v>2840</v>
      </c>
      <c r="K17" s="14">
        <v>2628</v>
      </c>
    </row>
    <row r="18" spans="1:11" ht="15" customHeight="1">
      <c r="A18" s="17" t="s">
        <v>33</v>
      </c>
      <c r="B18" s="17"/>
      <c r="C18" s="13">
        <v>799</v>
      </c>
      <c r="D18" s="19">
        <v>401</v>
      </c>
      <c r="E18" s="19">
        <v>398</v>
      </c>
      <c r="F18" s="19"/>
      <c r="G18" s="18" t="s">
        <v>34</v>
      </c>
      <c r="H18" s="17"/>
      <c r="I18" s="13">
        <v>1116</v>
      </c>
      <c r="J18" s="19">
        <v>598</v>
      </c>
      <c r="K18" s="19">
        <v>518</v>
      </c>
    </row>
    <row r="19" spans="1:11" ht="15" customHeight="1">
      <c r="A19" s="17" t="s">
        <v>35</v>
      </c>
      <c r="B19" s="17"/>
      <c r="C19" s="13">
        <v>842</v>
      </c>
      <c r="D19" s="19">
        <v>404</v>
      </c>
      <c r="E19" s="19">
        <v>438</v>
      </c>
      <c r="F19" s="19"/>
      <c r="G19" s="18" t="s">
        <v>36</v>
      </c>
      <c r="H19" s="17"/>
      <c r="I19" s="13">
        <v>1112</v>
      </c>
      <c r="J19" s="19">
        <v>546</v>
      </c>
      <c r="K19" s="19">
        <v>566</v>
      </c>
    </row>
    <row r="20" spans="1:11" ht="15" customHeight="1">
      <c r="A20" s="17" t="s">
        <v>37</v>
      </c>
      <c r="B20" s="17"/>
      <c r="C20" s="13">
        <v>824</v>
      </c>
      <c r="D20" s="19">
        <v>408</v>
      </c>
      <c r="E20" s="19">
        <v>416</v>
      </c>
      <c r="F20" s="19"/>
      <c r="G20" s="18" t="s">
        <v>38</v>
      </c>
      <c r="H20" s="17"/>
      <c r="I20" s="13">
        <v>1022</v>
      </c>
      <c r="J20" s="19">
        <v>524</v>
      </c>
      <c r="K20" s="19">
        <v>498</v>
      </c>
    </row>
    <row r="21" spans="1:11" ht="15" customHeight="1">
      <c r="A21" s="17" t="s">
        <v>39</v>
      </c>
      <c r="B21" s="17"/>
      <c r="C21" s="13">
        <v>877</v>
      </c>
      <c r="D21" s="19">
        <v>469</v>
      </c>
      <c r="E21" s="19">
        <v>408</v>
      </c>
      <c r="F21" s="19"/>
      <c r="G21" s="18" t="s">
        <v>40</v>
      </c>
      <c r="H21" s="17"/>
      <c r="I21" s="13">
        <v>1034</v>
      </c>
      <c r="J21" s="19">
        <v>544</v>
      </c>
      <c r="K21" s="19">
        <v>490</v>
      </c>
    </row>
    <row r="22" spans="1:11" ht="15" customHeight="1">
      <c r="A22" s="17" t="s">
        <v>41</v>
      </c>
      <c r="B22" s="17"/>
      <c r="C22" s="13">
        <v>833</v>
      </c>
      <c r="D22" s="19">
        <v>428</v>
      </c>
      <c r="E22" s="19">
        <v>405</v>
      </c>
      <c r="F22" s="19"/>
      <c r="G22" s="18" t="s">
        <v>42</v>
      </c>
      <c r="H22" s="17"/>
      <c r="I22" s="13">
        <v>1184</v>
      </c>
      <c r="J22" s="19">
        <v>628</v>
      </c>
      <c r="K22" s="19">
        <v>556</v>
      </c>
    </row>
    <row r="23" spans="1:11" ht="20.100000000000001" customHeight="1">
      <c r="A23" s="17" t="s">
        <v>43</v>
      </c>
      <c r="B23" s="17"/>
      <c r="C23" s="13">
        <v>4752</v>
      </c>
      <c r="D23" s="14">
        <v>2430</v>
      </c>
      <c r="E23" s="14">
        <v>2322</v>
      </c>
      <c r="F23" s="14"/>
      <c r="G23" s="18" t="s">
        <v>44</v>
      </c>
      <c r="H23" s="17"/>
      <c r="I23" s="13">
        <v>6381</v>
      </c>
      <c r="J23" s="14">
        <v>3120</v>
      </c>
      <c r="K23" s="14">
        <v>3261</v>
      </c>
    </row>
    <row r="24" spans="1:11" ht="15" customHeight="1">
      <c r="A24" s="17" t="s">
        <v>45</v>
      </c>
      <c r="B24" s="17"/>
      <c r="C24" s="13">
        <v>896</v>
      </c>
      <c r="D24" s="19">
        <v>460</v>
      </c>
      <c r="E24" s="19">
        <v>436</v>
      </c>
      <c r="F24" s="19"/>
      <c r="G24" s="18" t="s">
        <v>46</v>
      </c>
      <c r="H24" s="17"/>
      <c r="I24" s="13">
        <v>1153</v>
      </c>
      <c r="J24" s="19">
        <v>574</v>
      </c>
      <c r="K24" s="19">
        <v>579</v>
      </c>
    </row>
    <row r="25" spans="1:11" ht="15" customHeight="1">
      <c r="A25" s="17" t="s">
        <v>47</v>
      </c>
      <c r="B25" s="17"/>
      <c r="C25" s="13">
        <v>879</v>
      </c>
      <c r="D25" s="19">
        <v>463</v>
      </c>
      <c r="E25" s="19">
        <v>416</v>
      </c>
      <c r="F25" s="19"/>
      <c r="G25" s="18" t="s">
        <v>48</v>
      </c>
      <c r="H25" s="17"/>
      <c r="I25" s="13">
        <v>1154</v>
      </c>
      <c r="J25" s="19">
        <v>571</v>
      </c>
      <c r="K25" s="19">
        <v>583</v>
      </c>
    </row>
    <row r="26" spans="1:11" ht="15" customHeight="1">
      <c r="A26" s="17" t="s">
        <v>49</v>
      </c>
      <c r="B26" s="17"/>
      <c r="C26" s="13">
        <v>924</v>
      </c>
      <c r="D26" s="19">
        <v>468</v>
      </c>
      <c r="E26" s="19">
        <v>456</v>
      </c>
      <c r="F26" s="19"/>
      <c r="G26" s="18" t="s">
        <v>50</v>
      </c>
      <c r="H26" s="17"/>
      <c r="I26" s="13">
        <v>1240</v>
      </c>
      <c r="J26" s="19">
        <v>618</v>
      </c>
      <c r="K26" s="19">
        <v>622</v>
      </c>
    </row>
    <row r="27" spans="1:11" ht="15" customHeight="1">
      <c r="A27" s="17" t="s">
        <v>51</v>
      </c>
      <c r="B27" s="17"/>
      <c r="C27" s="13">
        <v>997</v>
      </c>
      <c r="D27" s="19">
        <v>505</v>
      </c>
      <c r="E27" s="19">
        <v>492</v>
      </c>
      <c r="F27" s="19"/>
      <c r="G27" s="18" t="s">
        <v>52</v>
      </c>
      <c r="H27" s="17"/>
      <c r="I27" s="13">
        <v>1356</v>
      </c>
      <c r="J27" s="19">
        <v>645</v>
      </c>
      <c r="K27" s="19">
        <v>711</v>
      </c>
    </row>
    <row r="28" spans="1:11" ht="15" customHeight="1">
      <c r="A28" s="17" t="s">
        <v>53</v>
      </c>
      <c r="B28" s="17"/>
      <c r="C28" s="13">
        <v>1056</v>
      </c>
      <c r="D28" s="19">
        <v>534</v>
      </c>
      <c r="E28" s="19">
        <v>522</v>
      </c>
      <c r="F28" s="19"/>
      <c r="G28" s="18" t="s">
        <v>54</v>
      </c>
      <c r="H28" s="17"/>
      <c r="I28" s="13">
        <v>1478</v>
      </c>
      <c r="J28" s="19">
        <v>712</v>
      </c>
      <c r="K28" s="19">
        <v>766</v>
      </c>
    </row>
    <row r="29" spans="1:11" ht="20.100000000000001" customHeight="1">
      <c r="A29" s="17" t="s">
        <v>55</v>
      </c>
      <c r="B29" s="17"/>
      <c r="C29" s="13">
        <v>5943</v>
      </c>
      <c r="D29" s="14">
        <v>3173</v>
      </c>
      <c r="E29" s="14">
        <v>2770</v>
      </c>
      <c r="F29" s="14"/>
      <c r="G29" s="18" t="s">
        <v>56</v>
      </c>
      <c r="H29" s="17"/>
      <c r="I29" s="13">
        <v>6939</v>
      </c>
      <c r="J29" s="14">
        <v>3323</v>
      </c>
      <c r="K29" s="14">
        <v>3616</v>
      </c>
    </row>
    <row r="30" spans="1:11" ht="15" customHeight="1">
      <c r="A30" s="17" t="s">
        <v>57</v>
      </c>
      <c r="B30" s="17"/>
      <c r="C30" s="13">
        <v>1070</v>
      </c>
      <c r="D30" s="19">
        <v>577</v>
      </c>
      <c r="E30" s="19">
        <v>493</v>
      </c>
      <c r="F30" s="19"/>
      <c r="G30" s="18" t="s">
        <v>58</v>
      </c>
      <c r="H30" s="17"/>
      <c r="I30" s="13">
        <v>1659</v>
      </c>
      <c r="J30" s="19">
        <v>794</v>
      </c>
      <c r="K30" s="19">
        <v>865</v>
      </c>
    </row>
    <row r="31" spans="1:11" ht="15" customHeight="1">
      <c r="A31" s="17" t="s">
        <v>59</v>
      </c>
      <c r="B31" s="17"/>
      <c r="C31" s="13">
        <v>1091</v>
      </c>
      <c r="D31" s="19">
        <v>580</v>
      </c>
      <c r="E31" s="19">
        <v>511</v>
      </c>
      <c r="F31" s="19"/>
      <c r="G31" s="18" t="s">
        <v>60</v>
      </c>
      <c r="H31" s="17"/>
      <c r="I31" s="13">
        <v>1584</v>
      </c>
      <c r="J31" s="19">
        <v>779</v>
      </c>
      <c r="K31" s="19">
        <v>805</v>
      </c>
    </row>
    <row r="32" spans="1:11" ht="15" customHeight="1">
      <c r="A32" s="17" t="s">
        <v>61</v>
      </c>
      <c r="B32" s="17"/>
      <c r="C32" s="13">
        <v>1159</v>
      </c>
      <c r="D32" s="19">
        <v>606</v>
      </c>
      <c r="E32" s="19">
        <v>553</v>
      </c>
      <c r="F32" s="19"/>
      <c r="G32" s="18" t="s">
        <v>62</v>
      </c>
      <c r="H32" s="17"/>
      <c r="I32" s="13">
        <v>1540</v>
      </c>
      <c r="J32" s="19">
        <v>727</v>
      </c>
      <c r="K32" s="19">
        <v>813</v>
      </c>
    </row>
    <row r="33" spans="1:11" ht="15" customHeight="1">
      <c r="A33" s="17" t="s">
        <v>63</v>
      </c>
      <c r="B33" s="17"/>
      <c r="C33" s="13">
        <v>1322</v>
      </c>
      <c r="D33" s="19">
        <v>722</v>
      </c>
      <c r="E33" s="19">
        <v>600</v>
      </c>
      <c r="F33" s="19"/>
      <c r="G33" s="18" t="s">
        <v>64</v>
      </c>
      <c r="H33" s="17"/>
      <c r="I33" s="13">
        <v>1157</v>
      </c>
      <c r="J33" s="19">
        <v>530</v>
      </c>
      <c r="K33" s="19">
        <v>627</v>
      </c>
    </row>
    <row r="34" spans="1:11" ht="15" customHeight="1">
      <c r="A34" s="17" t="s">
        <v>65</v>
      </c>
      <c r="B34" s="17"/>
      <c r="C34" s="13">
        <v>1301</v>
      </c>
      <c r="D34" s="19">
        <v>688</v>
      </c>
      <c r="E34" s="19">
        <v>613</v>
      </c>
      <c r="F34" s="19"/>
      <c r="G34" s="18" t="s">
        <v>66</v>
      </c>
      <c r="H34" s="17"/>
      <c r="I34" s="13">
        <v>999</v>
      </c>
      <c r="J34" s="19">
        <v>493</v>
      </c>
      <c r="K34" s="19">
        <v>506</v>
      </c>
    </row>
    <row r="35" spans="1:11" ht="20.100000000000001" customHeight="1">
      <c r="A35" s="17" t="s">
        <v>67</v>
      </c>
      <c r="B35" s="17"/>
      <c r="C35" s="13">
        <v>5983</v>
      </c>
      <c r="D35" s="14">
        <v>3366</v>
      </c>
      <c r="E35" s="14">
        <v>2617</v>
      </c>
      <c r="F35" s="14"/>
      <c r="G35" s="18" t="s">
        <v>68</v>
      </c>
      <c r="H35" s="17"/>
      <c r="I35" s="13">
        <v>5930</v>
      </c>
      <c r="J35" s="14">
        <v>2777</v>
      </c>
      <c r="K35" s="14">
        <v>3153</v>
      </c>
    </row>
    <row r="36" spans="1:11" ht="15" customHeight="1">
      <c r="A36" s="17" t="s">
        <v>69</v>
      </c>
      <c r="B36" s="17"/>
      <c r="C36" s="13">
        <v>1361</v>
      </c>
      <c r="D36" s="19">
        <v>788</v>
      </c>
      <c r="E36" s="19">
        <v>573</v>
      </c>
      <c r="F36" s="19"/>
      <c r="G36" s="18" t="s">
        <v>70</v>
      </c>
      <c r="H36" s="17"/>
      <c r="I36" s="13">
        <v>1206</v>
      </c>
      <c r="J36" s="19">
        <v>584</v>
      </c>
      <c r="K36" s="19">
        <v>622</v>
      </c>
    </row>
    <row r="37" spans="1:11" ht="15" customHeight="1">
      <c r="A37" s="17" t="s">
        <v>71</v>
      </c>
      <c r="B37" s="17"/>
      <c r="C37" s="13">
        <v>1210</v>
      </c>
      <c r="D37" s="19">
        <v>704</v>
      </c>
      <c r="E37" s="19">
        <v>506</v>
      </c>
      <c r="F37" s="19"/>
      <c r="G37" s="18" t="s">
        <v>72</v>
      </c>
      <c r="H37" s="17"/>
      <c r="I37" s="13">
        <v>1285</v>
      </c>
      <c r="J37" s="19">
        <v>576</v>
      </c>
      <c r="K37" s="19">
        <v>709</v>
      </c>
    </row>
    <row r="38" spans="1:11" ht="15" customHeight="1">
      <c r="A38" s="17" t="s">
        <v>73</v>
      </c>
      <c r="B38" s="17"/>
      <c r="C38" s="13">
        <v>1154</v>
      </c>
      <c r="D38" s="19">
        <v>624</v>
      </c>
      <c r="E38" s="19">
        <v>530</v>
      </c>
      <c r="F38" s="19"/>
      <c r="G38" s="18" t="s">
        <v>74</v>
      </c>
      <c r="H38" s="17"/>
      <c r="I38" s="13">
        <v>1216</v>
      </c>
      <c r="J38" s="19">
        <v>554</v>
      </c>
      <c r="K38" s="19">
        <v>662</v>
      </c>
    </row>
    <row r="39" spans="1:11" ht="15" customHeight="1">
      <c r="A39" s="17" t="s">
        <v>75</v>
      </c>
      <c r="B39" s="17"/>
      <c r="C39" s="13">
        <v>1151</v>
      </c>
      <c r="D39" s="19">
        <v>643</v>
      </c>
      <c r="E39" s="19">
        <v>508</v>
      </c>
      <c r="F39" s="19"/>
      <c r="G39" s="18" t="s">
        <v>76</v>
      </c>
      <c r="H39" s="17"/>
      <c r="I39" s="13">
        <v>1165</v>
      </c>
      <c r="J39" s="19">
        <v>564</v>
      </c>
      <c r="K39" s="19">
        <v>601</v>
      </c>
    </row>
    <row r="40" spans="1:11" ht="15" customHeight="1">
      <c r="A40" s="17" t="s">
        <v>77</v>
      </c>
      <c r="B40" s="17"/>
      <c r="C40" s="13">
        <v>1107</v>
      </c>
      <c r="D40" s="19">
        <v>607</v>
      </c>
      <c r="E40" s="19">
        <v>500</v>
      </c>
      <c r="F40" s="19"/>
      <c r="G40" s="18" t="s">
        <v>78</v>
      </c>
      <c r="H40" s="17"/>
      <c r="I40" s="13">
        <v>1058</v>
      </c>
      <c r="J40" s="19">
        <v>499</v>
      </c>
      <c r="K40" s="19">
        <v>559</v>
      </c>
    </row>
    <row r="41" spans="1:11" ht="20.100000000000001" customHeight="1">
      <c r="A41" s="17" t="s">
        <v>79</v>
      </c>
      <c r="B41" s="17"/>
      <c r="C41" s="13">
        <v>5618</v>
      </c>
      <c r="D41" s="14">
        <v>2929</v>
      </c>
      <c r="E41" s="14">
        <v>2689</v>
      </c>
      <c r="F41" s="14"/>
      <c r="G41" s="18" t="s">
        <v>80</v>
      </c>
      <c r="H41" s="17"/>
      <c r="I41" s="13">
        <v>3900</v>
      </c>
      <c r="J41" s="14">
        <v>1739</v>
      </c>
      <c r="K41" s="14">
        <v>2161</v>
      </c>
    </row>
    <row r="42" spans="1:11" ht="15" customHeight="1">
      <c r="A42" s="17" t="s">
        <v>81</v>
      </c>
      <c r="B42" s="17"/>
      <c r="C42" s="13">
        <v>1120</v>
      </c>
      <c r="D42" s="19">
        <v>584</v>
      </c>
      <c r="E42" s="19">
        <v>536</v>
      </c>
      <c r="F42" s="19"/>
      <c r="G42" s="18" t="s">
        <v>82</v>
      </c>
      <c r="H42" s="17"/>
      <c r="I42" s="13">
        <v>840</v>
      </c>
      <c r="J42" s="19">
        <v>412</v>
      </c>
      <c r="K42" s="19">
        <v>428</v>
      </c>
    </row>
    <row r="43" spans="1:11" ht="15" customHeight="1">
      <c r="A43" s="17" t="s">
        <v>83</v>
      </c>
      <c r="B43" s="17"/>
      <c r="C43" s="13">
        <v>1111</v>
      </c>
      <c r="D43" s="19">
        <v>589</v>
      </c>
      <c r="E43" s="19">
        <v>522</v>
      </c>
      <c r="F43" s="19"/>
      <c r="G43" s="18" t="s">
        <v>84</v>
      </c>
      <c r="H43" s="17"/>
      <c r="I43" s="13">
        <v>817</v>
      </c>
      <c r="J43" s="19">
        <v>369</v>
      </c>
      <c r="K43" s="19">
        <v>448</v>
      </c>
    </row>
    <row r="44" spans="1:11" ht="15" customHeight="1">
      <c r="A44" s="17" t="s">
        <v>85</v>
      </c>
      <c r="B44" s="17"/>
      <c r="C44" s="13">
        <v>1169</v>
      </c>
      <c r="D44" s="19">
        <v>586</v>
      </c>
      <c r="E44" s="19">
        <v>583</v>
      </c>
      <c r="F44" s="19"/>
      <c r="G44" s="18" t="s">
        <v>86</v>
      </c>
      <c r="H44" s="17"/>
      <c r="I44" s="13">
        <v>818</v>
      </c>
      <c r="J44" s="19">
        <v>343</v>
      </c>
      <c r="K44" s="19">
        <v>475</v>
      </c>
    </row>
    <row r="45" spans="1:11" ht="15" customHeight="1">
      <c r="A45" s="17" t="s">
        <v>87</v>
      </c>
      <c r="B45" s="17"/>
      <c r="C45" s="13">
        <v>1054</v>
      </c>
      <c r="D45" s="19">
        <v>578</v>
      </c>
      <c r="E45" s="19">
        <v>476</v>
      </c>
      <c r="F45" s="19"/>
      <c r="G45" s="18" t="s">
        <v>88</v>
      </c>
      <c r="H45" s="17"/>
      <c r="I45" s="13">
        <v>718</v>
      </c>
      <c r="J45" s="19">
        <v>324</v>
      </c>
      <c r="K45" s="19">
        <v>394</v>
      </c>
    </row>
    <row r="46" spans="1:11" ht="15" customHeight="1">
      <c r="A46" s="17" t="s">
        <v>89</v>
      </c>
      <c r="B46" s="17"/>
      <c r="C46" s="13">
        <v>1164</v>
      </c>
      <c r="D46" s="19">
        <v>592</v>
      </c>
      <c r="E46" s="19">
        <v>572</v>
      </c>
      <c r="F46" s="19"/>
      <c r="G46" s="18" t="s">
        <v>90</v>
      </c>
      <c r="H46" s="17"/>
      <c r="I46" s="13">
        <v>707</v>
      </c>
      <c r="J46" s="19">
        <v>291</v>
      </c>
      <c r="K46" s="19">
        <v>416</v>
      </c>
    </row>
    <row r="47" spans="1:11" ht="20.100000000000001" customHeight="1">
      <c r="A47" s="17" t="s">
        <v>91</v>
      </c>
      <c r="B47" s="17"/>
      <c r="C47" s="13">
        <v>6108</v>
      </c>
      <c r="D47" s="14">
        <v>3242</v>
      </c>
      <c r="E47" s="14">
        <v>2866</v>
      </c>
      <c r="F47" s="14"/>
      <c r="G47" s="18" t="s">
        <v>92</v>
      </c>
      <c r="H47" s="17"/>
      <c r="I47" s="13">
        <v>2163</v>
      </c>
      <c r="J47" s="14">
        <v>881</v>
      </c>
      <c r="K47" s="14">
        <v>1282</v>
      </c>
    </row>
    <row r="48" spans="1:11" ht="15" customHeight="1">
      <c r="A48" s="17" t="s">
        <v>93</v>
      </c>
      <c r="B48" s="17"/>
      <c r="C48" s="13">
        <v>1191</v>
      </c>
      <c r="D48" s="19">
        <v>639</v>
      </c>
      <c r="E48" s="19">
        <v>552</v>
      </c>
      <c r="F48" s="19"/>
      <c r="G48" s="18" t="s">
        <v>94</v>
      </c>
      <c r="H48" s="17"/>
      <c r="I48" s="13">
        <v>517</v>
      </c>
      <c r="J48" s="19">
        <v>238</v>
      </c>
      <c r="K48" s="19">
        <v>279</v>
      </c>
    </row>
    <row r="49" spans="1:11" ht="15" customHeight="1">
      <c r="A49" s="17" t="s">
        <v>95</v>
      </c>
      <c r="B49" s="17"/>
      <c r="C49" s="13">
        <v>1220</v>
      </c>
      <c r="D49" s="19">
        <v>654</v>
      </c>
      <c r="E49" s="19">
        <v>566</v>
      </c>
      <c r="F49" s="19"/>
      <c r="G49" s="18" t="s">
        <v>96</v>
      </c>
      <c r="H49" s="17"/>
      <c r="I49" s="13">
        <v>484</v>
      </c>
      <c r="J49" s="19">
        <v>205</v>
      </c>
      <c r="K49" s="19">
        <v>279</v>
      </c>
    </row>
    <row r="50" spans="1:11" ht="15" customHeight="1">
      <c r="A50" s="17" t="s">
        <v>97</v>
      </c>
      <c r="B50" s="17"/>
      <c r="C50" s="13">
        <v>1250</v>
      </c>
      <c r="D50" s="19">
        <v>694</v>
      </c>
      <c r="E50" s="19">
        <v>556</v>
      </c>
      <c r="F50" s="19"/>
      <c r="G50" s="18" t="s">
        <v>98</v>
      </c>
      <c r="H50" s="17"/>
      <c r="I50" s="13">
        <v>466</v>
      </c>
      <c r="J50" s="19">
        <v>185</v>
      </c>
      <c r="K50" s="19">
        <v>281</v>
      </c>
    </row>
    <row r="51" spans="1:11" ht="15" customHeight="1">
      <c r="A51" s="17" t="s">
        <v>99</v>
      </c>
      <c r="B51" s="17"/>
      <c r="C51" s="13">
        <v>1176</v>
      </c>
      <c r="D51" s="19">
        <v>588</v>
      </c>
      <c r="E51" s="19">
        <v>588</v>
      </c>
      <c r="F51" s="19"/>
      <c r="G51" s="18" t="s">
        <v>100</v>
      </c>
      <c r="H51" s="17"/>
      <c r="I51" s="13">
        <v>391</v>
      </c>
      <c r="J51" s="19">
        <v>137</v>
      </c>
      <c r="K51" s="19">
        <v>254</v>
      </c>
    </row>
    <row r="52" spans="1:11" ht="15" customHeight="1">
      <c r="A52" s="17" t="s">
        <v>101</v>
      </c>
      <c r="B52" s="17"/>
      <c r="C52" s="13">
        <v>1271</v>
      </c>
      <c r="D52" s="19">
        <v>667</v>
      </c>
      <c r="E52" s="19">
        <v>604</v>
      </c>
      <c r="F52" s="19"/>
      <c r="G52" s="18" t="s">
        <v>102</v>
      </c>
      <c r="H52" s="17"/>
      <c r="I52" s="13">
        <v>305</v>
      </c>
      <c r="J52" s="19">
        <v>116</v>
      </c>
      <c r="K52" s="19">
        <v>189</v>
      </c>
    </row>
    <row r="53" spans="1:11" ht="20.100000000000001" customHeight="1">
      <c r="A53" s="17" t="s">
        <v>103</v>
      </c>
      <c r="B53" s="17"/>
      <c r="C53" s="13">
        <v>7091</v>
      </c>
      <c r="D53" s="14">
        <v>3650</v>
      </c>
      <c r="E53" s="14">
        <v>3441</v>
      </c>
      <c r="F53" s="14"/>
      <c r="G53" s="18" t="s">
        <v>104</v>
      </c>
      <c r="H53" s="17"/>
      <c r="I53" s="13">
        <v>1059</v>
      </c>
      <c r="J53" s="14">
        <v>301</v>
      </c>
      <c r="K53" s="14">
        <v>758</v>
      </c>
    </row>
    <row r="54" spans="1:11" ht="15" customHeight="1">
      <c r="A54" s="17" t="s">
        <v>105</v>
      </c>
      <c r="B54" s="17"/>
      <c r="C54" s="13">
        <v>1274</v>
      </c>
      <c r="D54" s="19">
        <v>660</v>
      </c>
      <c r="E54" s="19">
        <v>614</v>
      </c>
      <c r="F54" s="19"/>
      <c r="G54" s="18" t="s">
        <v>106</v>
      </c>
      <c r="H54" s="17"/>
      <c r="I54" s="13">
        <v>269</v>
      </c>
      <c r="J54" s="19">
        <v>82</v>
      </c>
      <c r="K54" s="19">
        <v>187</v>
      </c>
    </row>
    <row r="55" spans="1:11" ht="15" customHeight="1">
      <c r="A55" s="17" t="s">
        <v>107</v>
      </c>
      <c r="B55" s="17"/>
      <c r="C55" s="13">
        <v>1407</v>
      </c>
      <c r="D55" s="19">
        <v>755</v>
      </c>
      <c r="E55" s="19">
        <v>652</v>
      </c>
      <c r="F55" s="19"/>
      <c r="G55" s="18" t="s">
        <v>108</v>
      </c>
      <c r="H55" s="17"/>
      <c r="I55" s="13">
        <v>236</v>
      </c>
      <c r="J55" s="19">
        <v>77</v>
      </c>
      <c r="K55" s="19">
        <v>159</v>
      </c>
    </row>
    <row r="56" spans="1:11" ht="15" customHeight="1">
      <c r="A56" s="17" t="s">
        <v>109</v>
      </c>
      <c r="B56" s="17"/>
      <c r="C56" s="13">
        <v>1418</v>
      </c>
      <c r="D56" s="19">
        <v>751</v>
      </c>
      <c r="E56" s="19">
        <v>667</v>
      </c>
      <c r="F56" s="19"/>
      <c r="G56" s="18" t="s">
        <v>110</v>
      </c>
      <c r="H56" s="17"/>
      <c r="I56" s="13">
        <v>201</v>
      </c>
      <c r="J56" s="19">
        <v>62</v>
      </c>
      <c r="K56" s="19">
        <v>139</v>
      </c>
    </row>
    <row r="57" spans="1:11" ht="15" customHeight="1">
      <c r="A57" s="17" t="s">
        <v>111</v>
      </c>
      <c r="B57" s="17"/>
      <c r="C57" s="13">
        <v>1433</v>
      </c>
      <c r="D57" s="19">
        <v>728</v>
      </c>
      <c r="E57" s="19">
        <v>705</v>
      </c>
      <c r="F57" s="19"/>
      <c r="G57" s="18" t="s">
        <v>112</v>
      </c>
      <c r="H57" s="17"/>
      <c r="I57" s="13">
        <v>185</v>
      </c>
      <c r="J57" s="19">
        <v>52</v>
      </c>
      <c r="K57" s="19">
        <v>133</v>
      </c>
    </row>
    <row r="58" spans="1:11" ht="15" customHeight="1">
      <c r="A58" s="17" t="s">
        <v>113</v>
      </c>
      <c r="B58" s="17"/>
      <c r="C58" s="13">
        <v>1559</v>
      </c>
      <c r="D58" s="19">
        <v>756</v>
      </c>
      <c r="E58" s="19">
        <v>803</v>
      </c>
      <c r="F58" s="19"/>
      <c r="G58" s="18" t="s">
        <v>114</v>
      </c>
      <c r="H58" s="17"/>
      <c r="I58" s="13">
        <v>168</v>
      </c>
      <c r="J58" s="19">
        <v>28</v>
      </c>
      <c r="K58" s="19">
        <v>140</v>
      </c>
    </row>
    <row r="59" spans="1:11" ht="20.100000000000001" customHeight="1">
      <c r="A59" s="17" t="s">
        <v>115</v>
      </c>
      <c r="B59" s="17"/>
      <c r="C59" s="13">
        <v>8332</v>
      </c>
      <c r="D59" s="14">
        <v>4314</v>
      </c>
      <c r="E59" s="14">
        <v>4018</v>
      </c>
      <c r="F59" s="14"/>
      <c r="G59" s="18" t="s">
        <v>116</v>
      </c>
      <c r="H59" s="17"/>
      <c r="I59" s="13">
        <v>271</v>
      </c>
      <c r="J59" s="14">
        <v>63</v>
      </c>
      <c r="K59" s="14">
        <v>208</v>
      </c>
    </row>
    <row r="60" spans="1:11" ht="15" customHeight="1">
      <c r="A60" s="17" t="s">
        <v>117</v>
      </c>
      <c r="B60" s="17"/>
      <c r="C60" s="13">
        <v>1621</v>
      </c>
      <c r="D60" s="19">
        <v>842</v>
      </c>
      <c r="E60" s="19">
        <v>779</v>
      </c>
      <c r="F60" s="19"/>
      <c r="G60" s="18" t="s">
        <v>118</v>
      </c>
      <c r="H60" s="17"/>
      <c r="I60" s="13">
        <v>77</v>
      </c>
      <c r="J60" s="19">
        <v>24</v>
      </c>
      <c r="K60" s="19">
        <v>53</v>
      </c>
    </row>
    <row r="61" spans="1:11" ht="15" customHeight="1">
      <c r="A61" s="17" t="s">
        <v>119</v>
      </c>
      <c r="B61" s="17"/>
      <c r="C61" s="13">
        <v>1728</v>
      </c>
      <c r="D61" s="19">
        <v>923</v>
      </c>
      <c r="E61" s="19">
        <v>805</v>
      </c>
      <c r="F61" s="19"/>
      <c r="G61" s="18" t="s">
        <v>120</v>
      </c>
      <c r="H61" s="17"/>
      <c r="I61" s="13">
        <v>83</v>
      </c>
      <c r="J61" s="19">
        <v>20</v>
      </c>
      <c r="K61" s="19">
        <v>63</v>
      </c>
    </row>
    <row r="62" spans="1:11" ht="15" customHeight="1">
      <c r="A62" s="17" t="s">
        <v>121</v>
      </c>
      <c r="B62" s="17"/>
      <c r="C62" s="13">
        <v>1711</v>
      </c>
      <c r="D62" s="19">
        <v>905</v>
      </c>
      <c r="E62" s="19">
        <v>806</v>
      </c>
      <c r="F62" s="19"/>
      <c r="G62" s="18" t="s">
        <v>122</v>
      </c>
      <c r="H62" s="17"/>
      <c r="I62" s="13">
        <v>52</v>
      </c>
      <c r="J62" s="19">
        <v>13</v>
      </c>
      <c r="K62" s="19">
        <v>39</v>
      </c>
    </row>
    <row r="63" spans="1:11" ht="15" customHeight="1">
      <c r="A63" s="17" t="s">
        <v>123</v>
      </c>
      <c r="B63" s="17"/>
      <c r="C63" s="13">
        <v>1646</v>
      </c>
      <c r="D63" s="19">
        <v>838</v>
      </c>
      <c r="E63" s="19">
        <v>808</v>
      </c>
      <c r="F63" s="19"/>
      <c r="G63" s="18" t="s">
        <v>124</v>
      </c>
      <c r="H63" s="17"/>
      <c r="I63" s="13">
        <v>29</v>
      </c>
      <c r="J63" s="19">
        <v>1</v>
      </c>
      <c r="K63" s="19">
        <v>28</v>
      </c>
    </row>
    <row r="64" spans="1:11" ht="15" customHeight="1">
      <c r="A64" s="17" t="s">
        <v>125</v>
      </c>
      <c r="B64" s="17"/>
      <c r="C64" s="13">
        <v>1626</v>
      </c>
      <c r="D64" s="19">
        <v>806</v>
      </c>
      <c r="E64" s="19">
        <v>820</v>
      </c>
      <c r="F64" s="19"/>
      <c r="G64" s="18" t="s">
        <v>126</v>
      </c>
      <c r="H64" s="17"/>
      <c r="I64" s="13">
        <v>30</v>
      </c>
      <c r="J64" s="19">
        <v>5</v>
      </c>
      <c r="K64" s="19">
        <v>2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4</v>
      </c>
      <c r="J65" s="19">
        <v>8</v>
      </c>
      <c r="K65" s="19">
        <v>4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83</v>
      </c>
      <c r="J66" s="29">
        <v>369</v>
      </c>
      <c r="K66" s="29">
        <v>31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8390</v>
      </c>
      <c r="D4" s="14">
        <v>24526</v>
      </c>
      <c r="E4" s="14">
        <v>2386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59</v>
      </c>
      <c r="D5" s="14">
        <v>1007</v>
      </c>
      <c r="E5" s="14">
        <v>952</v>
      </c>
      <c r="F5" s="14"/>
      <c r="G5" s="18" t="s">
        <v>8</v>
      </c>
      <c r="H5" s="17"/>
      <c r="I5" s="13">
        <v>3189</v>
      </c>
      <c r="J5" s="14">
        <v>1674</v>
      </c>
      <c r="K5" s="14">
        <v>1515</v>
      </c>
    </row>
    <row r="6" spans="1:11" ht="15" customHeight="1">
      <c r="A6" s="17" t="s">
        <v>9</v>
      </c>
      <c r="B6" s="17"/>
      <c r="C6" s="13">
        <v>369</v>
      </c>
      <c r="D6" s="19">
        <v>176</v>
      </c>
      <c r="E6" s="19">
        <v>193</v>
      </c>
      <c r="F6" s="19"/>
      <c r="G6" s="18" t="s">
        <v>10</v>
      </c>
      <c r="H6" s="17"/>
      <c r="I6" s="13">
        <v>657</v>
      </c>
      <c r="J6" s="19">
        <v>344</v>
      </c>
      <c r="K6" s="19">
        <v>313</v>
      </c>
    </row>
    <row r="7" spans="1:11" ht="15" customHeight="1">
      <c r="A7" s="17" t="s">
        <v>11</v>
      </c>
      <c r="B7" s="17"/>
      <c r="C7" s="13">
        <v>354</v>
      </c>
      <c r="D7" s="19">
        <v>181</v>
      </c>
      <c r="E7" s="19">
        <v>173</v>
      </c>
      <c r="F7" s="19"/>
      <c r="G7" s="18" t="s">
        <v>12</v>
      </c>
      <c r="H7" s="17"/>
      <c r="I7" s="13">
        <v>708</v>
      </c>
      <c r="J7" s="19">
        <v>369</v>
      </c>
      <c r="K7" s="19">
        <v>339</v>
      </c>
    </row>
    <row r="8" spans="1:11" ht="15" customHeight="1">
      <c r="A8" s="17" t="s">
        <v>13</v>
      </c>
      <c r="B8" s="17"/>
      <c r="C8" s="13">
        <v>439</v>
      </c>
      <c r="D8" s="19">
        <v>239</v>
      </c>
      <c r="E8" s="19">
        <v>200</v>
      </c>
      <c r="F8" s="19"/>
      <c r="G8" s="18" t="s">
        <v>14</v>
      </c>
      <c r="H8" s="17"/>
      <c r="I8" s="13">
        <v>680</v>
      </c>
      <c r="J8" s="19">
        <v>368</v>
      </c>
      <c r="K8" s="19">
        <v>312</v>
      </c>
    </row>
    <row r="9" spans="1:11" ht="15" customHeight="1">
      <c r="A9" s="17" t="s">
        <v>15</v>
      </c>
      <c r="B9" s="17"/>
      <c r="C9" s="13">
        <v>381</v>
      </c>
      <c r="D9" s="19">
        <v>205</v>
      </c>
      <c r="E9" s="19">
        <v>176</v>
      </c>
      <c r="F9" s="19"/>
      <c r="G9" s="18" t="s">
        <v>16</v>
      </c>
      <c r="H9" s="17"/>
      <c r="I9" s="13">
        <v>495</v>
      </c>
      <c r="J9" s="19">
        <v>265</v>
      </c>
      <c r="K9" s="19">
        <v>230</v>
      </c>
    </row>
    <row r="10" spans="1:11" ht="15" customHeight="1">
      <c r="A10" s="17" t="s">
        <v>17</v>
      </c>
      <c r="B10" s="17"/>
      <c r="C10" s="13">
        <v>416</v>
      </c>
      <c r="D10" s="19">
        <v>206</v>
      </c>
      <c r="E10" s="19">
        <v>210</v>
      </c>
      <c r="F10" s="19"/>
      <c r="G10" s="18" t="s">
        <v>18</v>
      </c>
      <c r="H10" s="17"/>
      <c r="I10" s="13">
        <v>649</v>
      </c>
      <c r="J10" s="19">
        <v>328</v>
      </c>
      <c r="K10" s="19">
        <v>321</v>
      </c>
    </row>
    <row r="11" spans="1:11" ht="20.100000000000001" customHeight="1">
      <c r="A11" s="17" t="s">
        <v>19</v>
      </c>
      <c r="B11" s="17"/>
      <c r="C11" s="13">
        <v>2112</v>
      </c>
      <c r="D11" s="14">
        <v>1064</v>
      </c>
      <c r="E11" s="14">
        <v>1048</v>
      </c>
      <c r="F11" s="14"/>
      <c r="G11" s="18" t="s">
        <v>20</v>
      </c>
      <c r="H11" s="17"/>
      <c r="I11" s="13">
        <v>2824</v>
      </c>
      <c r="J11" s="14">
        <v>1454</v>
      </c>
      <c r="K11" s="14">
        <v>1370</v>
      </c>
    </row>
    <row r="12" spans="1:11" ht="15" customHeight="1">
      <c r="A12" s="17" t="s">
        <v>21</v>
      </c>
      <c r="B12" s="17"/>
      <c r="C12" s="13">
        <v>397</v>
      </c>
      <c r="D12" s="19">
        <v>205</v>
      </c>
      <c r="E12" s="19">
        <v>192</v>
      </c>
      <c r="F12" s="19"/>
      <c r="G12" s="18" t="s">
        <v>22</v>
      </c>
      <c r="H12" s="17"/>
      <c r="I12" s="13">
        <v>628</v>
      </c>
      <c r="J12" s="19">
        <v>319</v>
      </c>
      <c r="K12" s="19">
        <v>309</v>
      </c>
    </row>
    <row r="13" spans="1:11" ht="15" customHeight="1">
      <c r="A13" s="17" t="s">
        <v>23</v>
      </c>
      <c r="B13" s="17"/>
      <c r="C13" s="13">
        <v>406</v>
      </c>
      <c r="D13" s="19">
        <v>221</v>
      </c>
      <c r="E13" s="19">
        <v>185</v>
      </c>
      <c r="F13" s="19"/>
      <c r="G13" s="18" t="s">
        <v>24</v>
      </c>
      <c r="H13" s="17"/>
      <c r="I13" s="13">
        <v>565</v>
      </c>
      <c r="J13" s="19">
        <v>306</v>
      </c>
      <c r="K13" s="19">
        <v>259</v>
      </c>
    </row>
    <row r="14" spans="1:11" ht="15" customHeight="1">
      <c r="A14" s="17" t="s">
        <v>25</v>
      </c>
      <c r="B14" s="17"/>
      <c r="C14" s="13">
        <v>445</v>
      </c>
      <c r="D14" s="19">
        <v>224</v>
      </c>
      <c r="E14" s="19">
        <v>221</v>
      </c>
      <c r="F14" s="19"/>
      <c r="G14" s="18" t="s">
        <v>26</v>
      </c>
      <c r="H14" s="17"/>
      <c r="I14" s="13">
        <v>565</v>
      </c>
      <c r="J14" s="19">
        <v>296</v>
      </c>
      <c r="K14" s="19">
        <v>269</v>
      </c>
    </row>
    <row r="15" spans="1:11" ht="15" customHeight="1">
      <c r="A15" s="17" t="s">
        <v>27</v>
      </c>
      <c r="B15" s="17"/>
      <c r="C15" s="13">
        <v>424</v>
      </c>
      <c r="D15" s="19">
        <v>202</v>
      </c>
      <c r="E15" s="19">
        <v>222</v>
      </c>
      <c r="F15" s="19"/>
      <c r="G15" s="18" t="s">
        <v>28</v>
      </c>
      <c r="H15" s="17"/>
      <c r="I15" s="13">
        <v>531</v>
      </c>
      <c r="J15" s="19">
        <v>277</v>
      </c>
      <c r="K15" s="19">
        <v>254</v>
      </c>
    </row>
    <row r="16" spans="1:11" ht="15" customHeight="1">
      <c r="A16" s="17" t="s">
        <v>29</v>
      </c>
      <c r="B16" s="17"/>
      <c r="C16" s="13">
        <v>440</v>
      </c>
      <c r="D16" s="19">
        <v>212</v>
      </c>
      <c r="E16" s="19">
        <v>228</v>
      </c>
      <c r="F16" s="19"/>
      <c r="G16" s="18" t="s">
        <v>30</v>
      </c>
      <c r="H16" s="17"/>
      <c r="I16" s="13">
        <v>535</v>
      </c>
      <c r="J16" s="19">
        <v>256</v>
      </c>
      <c r="K16" s="19">
        <v>279</v>
      </c>
    </row>
    <row r="17" spans="1:11" ht="20.100000000000001" customHeight="1">
      <c r="A17" s="20" t="s">
        <v>31</v>
      </c>
      <c r="B17" s="20"/>
      <c r="C17" s="13">
        <v>2172</v>
      </c>
      <c r="D17" s="14">
        <v>1147</v>
      </c>
      <c r="E17" s="14">
        <v>1025</v>
      </c>
      <c r="F17" s="14"/>
      <c r="G17" s="18" t="s">
        <v>32</v>
      </c>
      <c r="H17" s="17"/>
      <c r="I17" s="13">
        <v>2631</v>
      </c>
      <c r="J17" s="14">
        <v>1315</v>
      </c>
      <c r="K17" s="14">
        <v>1316</v>
      </c>
    </row>
    <row r="18" spans="1:11" ht="15" customHeight="1">
      <c r="A18" s="17" t="s">
        <v>33</v>
      </c>
      <c r="B18" s="17"/>
      <c r="C18" s="13">
        <v>420</v>
      </c>
      <c r="D18" s="19">
        <v>211</v>
      </c>
      <c r="E18" s="19">
        <v>209</v>
      </c>
      <c r="F18" s="19"/>
      <c r="G18" s="18" t="s">
        <v>34</v>
      </c>
      <c r="H18" s="17"/>
      <c r="I18" s="13">
        <v>511</v>
      </c>
      <c r="J18" s="19">
        <v>267</v>
      </c>
      <c r="K18" s="19">
        <v>244</v>
      </c>
    </row>
    <row r="19" spans="1:11" ht="15" customHeight="1">
      <c r="A19" s="17" t="s">
        <v>35</v>
      </c>
      <c r="B19" s="17"/>
      <c r="C19" s="13">
        <v>465</v>
      </c>
      <c r="D19" s="19">
        <v>271</v>
      </c>
      <c r="E19" s="19">
        <v>194</v>
      </c>
      <c r="F19" s="19"/>
      <c r="G19" s="18" t="s">
        <v>36</v>
      </c>
      <c r="H19" s="17"/>
      <c r="I19" s="13">
        <v>578</v>
      </c>
      <c r="J19" s="19">
        <v>280</v>
      </c>
      <c r="K19" s="19">
        <v>298</v>
      </c>
    </row>
    <row r="20" spans="1:11" ht="15" customHeight="1">
      <c r="A20" s="17" t="s">
        <v>37</v>
      </c>
      <c r="B20" s="17"/>
      <c r="C20" s="13">
        <v>417</v>
      </c>
      <c r="D20" s="19">
        <v>206</v>
      </c>
      <c r="E20" s="19">
        <v>211</v>
      </c>
      <c r="F20" s="19"/>
      <c r="G20" s="18" t="s">
        <v>38</v>
      </c>
      <c r="H20" s="17"/>
      <c r="I20" s="13">
        <v>464</v>
      </c>
      <c r="J20" s="19">
        <v>242</v>
      </c>
      <c r="K20" s="19">
        <v>222</v>
      </c>
    </row>
    <row r="21" spans="1:11" ht="15" customHeight="1">
      <c r="A21" s="17" t="s">
        <v>39</v>
      </c>
      <c r="B21" s="17"/>
      <c r="C21" s="13">
        <v>446</v>
      </c>
      <c r="D21" s="19">
        <v>240</v>
      </c>
      <c r="E21" s="19">
        <v>206</v>
      </c>
      <c r="F21" s="19"/>
      <c r="G21" s="18" t="s">
        <v>40</v>
      </c>
      <c r="H21" s="17"/>
      <c r="I21" s="13">
        <v>513</v>
      </c>
      <c r="J21" s="19">
        <v>246</v>
      </c>
      <c r="K21" s="19">
        <v>267</v>
      </c>
    </row>
    <row r="22" spans="1:11" ht="15" customHeight="1">
      <c r="A22" s="17" t="s">
        <v>41</v>
      </c>
      <c r="B22" s="17"/>
      <c r="C22" s="13">
        <v>424</v>
      </c>
      <c r="D22" s="19">
        <v>219</v>
      </c>
      <c r="E22" s="19">
        <v>205</v>
      </c>
      <c r="F22" s="19"/>
      <c r="G22" s="18" t="s">
        <v>42</v>
      </c>
      <c r="H22" s="17"/>
      <c r="I22" s="13">
        <v>565</v>
      </c>
      <c r="J22" s="19">
        <v>280</v>
      </c>
      <c r="K22" s="19">
        <v>285</v>
      </c>
    </row>
    <row r="23" spans="1:11" ht="20.100000000000001" customHeight="1">
      <c r="A23" s="17" t="s">
        <v>43</v>
      </c>
      <c r="B23" s="17"/>
      <c r="C23" s="13">
        <v>2371</v>
      </c>
      <c r="D23" s="14">
        <v>1196</v>
      </c>
      <c r="E23" s="14">
        <v>1175</v>
      </c>
      <c r="F23" s="14"/>
      <c r="G23" s="18" t="s">
        <v>44</v>
      </c>
      <c r="H23" s="17"/>
      <c r="I23" s="13">
        <v>3332</v>
      </c>
      <c r="J23" s="14">
        <v>1635</v>
      </c>
      <c r="K23" s="14">
        <v>1697</v>
      </c>
    </row>
    <row r="24" spans="1:11" ht="15" customHeight="1">
      <c r="A24" s="17" t="s">
        <v>45</v>
      </c>
      <c r="B24" s="17"/>
      <c r="C24" s="13">
        <v>479</v>
      </c>
      <c r="D24" s="19">
        <v>242</v>
      </c>
      <c r="E24" s="19">
        <v>237</v>
      </c>
      <c r="F24" s="19"/>
      <c r="G24" s="18" t="s">
        <v>46</v>
      </c>
      <c r="H24" s="17"/>
      <c r="I24" s="13">
        <v>564</v>
      </c>
      <c r="J24" s="19">
        <v>264</v>
      </c>
      <c r="K24" s="19">
        <v>300</v>
      </c>
    </row>
    <row r="25" spans="1:11" ht="15" customHeight="1">
      <c r="A25" s="17" t="s">
        <v>47</v>
      </c>
      <c r="B25" s="17"/>
      <c r="C25" s="13">
        <v>445</v>
      </c>
      <c r="D25" s="19">
        <v>227</v>
      </c>
      <c r="E25" s="19">
        <v>218</v>
      </c>
      <c r="F25" s="19"/>
      <c r="G25" s="18" t="s">
        <v>48</v>
      </c>
      <c r="H25" s="17"/>
      <c r="I25" s="13">
        <v>596</v>
      </c>
      <c r="J25" s="19">
        <v>279</v>
      </c>
      <c r="K25" s="19">
        <v>317</v>
      </c>
    </row>
    <row r="26" spans="1:11" ht="15" customHeight="1">
      <c r="A26" s="17" t="s">
        <v>49</v>
      </c>
      <c r="B26" s="17"/>
      <c r="C26" s="13">
        <v>488</v>
      </c>
      <c r="D26" s="19">
        <v>243</v>
      </c>
      <c r="E26" s="19">
        <v>245</v>
      </c>
      <c r="F26" s="19"/>
      <c r="G26" s="18" t="s">
        <v>50</v>
      </c>
      <c r="H26" s="17"/>
      <c r="I26" s="13">
        <v>717</v>
      </c>
      <c r="J26" s="19">
        <v>355</v>
      </c>
      <c r="K26" s="19">
        <v>362</v>
      </c>
    </row>
    <row r="27" spans="1:11" ht="15" customHeight="1">
      <c r="A27" s="17" t="s">
        <v>51</v>
      </c>
      <c r="B27" s="17"/>
      <c r="C27" s="13">
        <v>478</v>
      </c>
      <c r="D27" s="19">
        <v>250</v>
      </c>
      <c r="E27" s="19">
        <v>228</v>
      </c>
      <c r="F27" s="19"/>
      <c r="G27" s="18" t="s">
        <v>52</v>
      </c>
      <c r="H27" s="17"/>
      <c r="I27" s="13">
        <v>712</v>
      </c>
      <c r="J27" s="19">
        <v>359</v>
      </c>
      <c r="K27" s="19">
        <v>353</v>
      </c>
    </row>
    <row r="28" spans="1:11" ht="15" customHeight="1">
      <c r="A28" s="17" t="s">
        <v>53</v>
      </c>
      <c r="B28" s="17"/>
      <c r="C28" s="13">
        <v>481</v>
      </c>
      <c r="D28" s="19">
        <v>234</v>
      </c>
      <c r="E28" s="19">
        <v>247</v>
      </c>
      <c r="F28" s="19"/>
      <c r="G28" s="18" t="s">
        <v>54</v>
      </c>
      <c r="H28" s="17"/>
      <c r="I28" s="13">
        <v>743</v>
      </c>
      <c r="J28" s="19">
        <v>378</v>
      </c>
      <c r="K28" s="19">
        <v>365</v>
      </c>
    </row>
    <row r="29" spans="1:11" ht="20.100000000000001" customHeight="1">
      <c r="A29" s="17" t="s">
        <v>55</v>
      </c>
      <c r="B29" s="17"/>
      <c r="C29" s="13">
        <v>2233</v>
      </c>
      <c r="D29" s="14">
        <v>1214</v>
      </c>
      <c r="E29" s="14">
        <v>1019</v>
      </c>
      <c r="F29" s="14"/>
      <c r="G29" s="18" t="s">
        <v>56</v>
      </c>
      <c r="H29" s="17"/>
      <c r="I29" s="13">
        <v>3524</v>
      </c>
      <c r="J29" s="14">
        <v>1650</v>
      </c>
      <c r="K29" s="14">
        <v>1874</v>
      </c>
    </row>
    <row r="30" spans="1:11" ht="15" customHeight="1">
      <c r="A30" s="17" t="s">
        <v>57</v>
      </c>
      <c r="B30" s="17"/>
      <c r="C30" s="13">
        <v>448</v>
      </c>
      <c r="D30" s="19">
        <v>251</v>
      </c>
      <c r="E30" s="19">
        <v>197</v>
      </c>
      <c r="F30" s="19"/>
      <c r="G30" s="18" t="s">
        <v>58</v>
      </c>
      <c r="H30" s="17"/>
      <c r="I30" s="13">
        <v>866</v>
      </c>
      <c r="J30" s="19">
        <v>400</v>
      </c>
      <c r="K30" s="19">
        <v>466</v>
      </c>
    </row>
    <row r="31" spans="1:11" ht="15" customHeight="1">
      <c r="A31" s="17" t="s">
        <v>59</v>
      </c>
      <c r="B31" s="17"/>
      <c r="C31" s="13">
        <v>454</v>
      </c>
      <c r="D31" s="19">
        <v>231</v>
      </c>
      <c r="E31" s="19">
        <v>223</v>
      </c>
      <c r="F31" s="19"/>
      <c r="G31" s="18" t="s">
        <v>60</v>
      </c>
      <c r="H31" s="17"/>
      <c r="I31" s="13">
        <v>766</v>
      </c>
      <c r="J31" s="19">
        <v>352</v>
      </c>
      <c r="K31" s="19">
        <v>414</v>
      </c>
    </row>
    <row r="32" spans="1:11" ht="15" customHeight="1">
      <c r="A32" s="17" t="s">
        <v>61</v>
      </c>
      <c r="B32" s="17"/>
      <c r="C32" s="13">
        <v>431</v>
      </c>
      <c r="D32" s="19">
        <v>233</v>
      </c>
      <c r="E32" s="19">
        <v>198</v>
      </c>
      <c r="F32" s="19"/>
      <c r="G32" s="18" t="s">
        <v>62</v>
      </c>
      <c r="H32" s="17"/>
      <c r="I32" s="13">
        <v>797</v>
      </c>
      <c r="J32" s="19">
        <v>369</v>
      </c>
      <c r="K32" s="19">
        <v>428</v>
      </c>
    </row>
    <row r="33" spans="1:11" ht="15" customHeight="1">
      <c r="A33" s="17" t="s">
        <v>63</v>
      </c>
      <c r="B33" s="17"/>
      <c r="C33" s="13">
        <v>459</v>
      </c>
      <c r="D33" s="19">
        <v>244</v>
      </c>
      <c r="E33" s="19">
        <v>215</v>
      </c>
      <c r="F33" s="19"/>
      <c r="G33" s="18" t="s">
        <v>64</v>
      </c>
      <c r="H33" s="17"/>
      <c r="I33" s="13">
        <v>575</v>
      </c>
      <c r="J33" s="19">
        <v>274</v>
      </c>
      <c r="K33" s="19">
        <v>301</v>
      </c>
    </row>
    <row r="34" spans="1:11" ht="15" customHeight="1">
      <c r="A34" s="17" t="s">
        <v>65</v>
      </c>
      <c r="B34" s="17"/>
      <c r="C34" s="13">
        <v>441</v>
      </c>
      <c r="D34" s="19">
        <v>255</v>
      </c>
      <c r="E34" s="19">
        <v>186</v>
      </c>
      <c r="F34" s="19"/>
      <c r="G34" s="18" t="s">
        <v>66</v>
      </c>
      <c r="H34" s="17"/>
      <c r="I34" s="13">
        <v>520</v>
      </c>
      <c r="J34" s="19">
        <v>255</v>
      </c>
      <c r="K34" s="19">
        <v>265</v>
      </c>
    </row>
    <row r="35" spans="1:11" ht="20.100000000000001" customHeight="1">
      <c r="A35" s="17" t="s">
        <v>67</v>
      </c>
      <c r="B35" s="17"/>
      <c r="C35" s="13">
        <v>2357</v>
      </c>
      <c r="D35" s="14">
        <v>1253</v>
      </c>
      <c r="E35" s="14">
        <v>1104</v>
      </c>
      <c r="F35" s="14"/>
      <c r="G35" s="18" t="s">
        <v>68</v>
      </c>
      <c r="H35" s="17"/>
      <c r="I35" s="13">
        <v>2953</v>
      </c>
      <c r="J35" s="14">
        <v>1391</v>
      </c>
      <c r="K35" s="14">
        <v>1562</v>
      </c>
    </row>
    <row r="36" spans="1:11" ht="15" customHeight="1">
      <c r="A36" s="17" t="s">
        <v>69</v>
      </c>
      <c r="B36" s="17"/>
      <c r="C36" s="13">
        <v>487</v>
      </c>
      <c r="D36" s="19">
        <v>246</v>
      </c>
      <c r="E36" s="19">
        <v>241</v>
      </c>
      <c r="F36" s="19"/>
      <c r="G36" s="18" t="s">
        <v>70</v>
      </c>
      <c r="H36" s="17"/>
      <c r="I36" s="13">
        <v>614</v>
      </c>
      <c r="J36" s="19">
        <v>303</v>
      </c>
      <c r="K36" s="19">
        <v>311</v>
      </c>
    </row>
    <row r="37" spans="1:11" ht="15" customHeight="1">
      <c r="A37" s="17" t="s">
        <v>71</v>
      </c>
      <c r="B37" s="17"/>
      <c r="C37" s="13">
        <v>506</v>
      </c>
      <c r="D37" s="19">
        <v>295</v>
      </c>
      <c r="E37" s="19">
        <v>211</v>
      </c>
      <c r="F37" s="19"/>
      <c r="G37" s="18" t="s">
        <v>72</v>
      </c>
      <c r="H37" s="17"/>
      <c r="I37" s="13">
        <v>647</v>
      </c>
      <c r="J37" s="19">
        <v>301</v>
      </c>
      <c r="K37" s="19">
        <v>346</v>
      </c>
    </row>
    <row r="38" spans="1:11" ht="15" customHeight="1">
      <c r="A38" s="17" t="s">
        <v>73</v>
      </c>
      <c r="B38" s="17"/>
      <c r="C38" s="13">
        <v>434</v>
      </c>
      <c r="D38" s="19">
        <v>240</v>
      </c>
      <c r="E38" s="19">
        <v>194</v>
      </c>
      <c r="F38" s="19"/>
      <c r="G38" s="18" t="s">
        <v>74</v>
      </c>
      <c r="H38" s="17"/>
      <c r="I38" s="13">
        <v>594</v>
      </c>
      <c r="J38" s="19">
        <v>262</v>
      </c>
      <c r="K38" s="19">
        <v>332</v>
      </c>
    </row>
    <row r="39" spans="1:11" ht="15" customHeight="1">
      <c r="A39" s="17" t="s">
        <v>75</v>
      </c>
      <c r="B39" s="17"/>
      <c r="C39" s="13">
        <v>456</v>
      </c>
      <c r="D39" s="19">
        <v>234</v>
      </c>
      <c r="E39" s="19">
        <v>222</v>
      </c>
      <c r="F39" s="19"/>
      <c r="G39" s="18" t="s">
        <v>76</v>
      </c>
      <c r="H39" s="17"/>
      <c r="I39" s="13">
        <v>604</v>
      </c>
      <c r="J39" s="19">
        <v>297</v>
      </c>
      <c r="K39" s="19">
        <v>307</v>
      </c>
    </row>
    <row r="40" spans="1:11" ht="15" customHeight="1">
      <c r="A40" s="17" t="s">
        <v>77</v>
      </c>
      <c r="B40" s="17"/>
      <c r="C40" s="13">
        <v>474</v>
      </c>
      <c r="D40" s="19">
        <v>238</v>
      </c>
      <c r="E40" s="19">
        <v>236</v>
      </c>
      <c r="F40" s="19"/>
      <c r="G40" s="18" t="s">
        <v>78</v>
      </c>
      <c r="H40" s="17"/>
      <c r="I40" s="13">
        <v>494</v>
      </c>
      <c r="J40" s="19">
        <v>228</v>
      </c>
      <c r="K40" s="19">
        <v>266</v>
      </c>
    </row>
    <row r="41" spans="1:11" ht="20.100000000000001" customHeight="1">
      <c r="A41" s="17" t="s">
        <v>79</v>
      </c>
      <c r="B41" s="17"/>
      <c r="C41" s="13">
        <v>2598</v>
      </c>
      <c r="D41" s="14">
        <v>1380</v>
      </c>
      <c r="E41" s="14">
        <v>1218</v>
      </c>
      <c r="F41" s="14"/>
      <c r="G41" s="18" t="s">
        <v>80</v>
      </c>
      <c r="H41" s="17"/>
      <c r="I41" s="13">
        <v>1846</v>
      </c>
      <c r="J41" s="14">
        <v>886</v>
      </c>
      <c r="K41" s="14">
        <v>960</v>
      </c>
    </row>
    <row r="42" spans="1:11" ht="15" customHeight="1">
      <c r="A42" s="17" t="s">
        <v>81</v>
      </c>
      <c r="B42" s="17"/>
      <c r="C42" s="13">
        <v>519</v>
      </c>
      <c r="D42" s="19">
        <v>292</v>
      </c>
      <c r="E42" s="19">
        <v>227</v>
      </c>
      <c r="F42" s="19"/>
      <c r="G42" s="18" t="s">
        <v>82</v>
      </c>
      <c r="H42" s="17"/>
      <c r="I42" s="13">
        <v>441</v>
      </c>
      <c r="J42" s="19">
        <v>224</v>
      </c>
      <c r="K42" s="19">
        <v>217</v>
      </c>
    </row>
    <row r="43" spans="1:11" ht="15" customHeight="1">
      <c r="A43" s="17" t="s">
        <v>83</v>
      </c>
      <c r="B43" s="17"/>
      <c r="C43" s="13">
        <v>523</v>
      </c>
      <c r="D43" s="19">
        <v>274</v>
      </c>
      <c r="E43" s="19">
        <v>249</v>
      </c>
      <c r="F43" s="19"/>
      <c r="G43" s="18" t="s">
        <v>84</v>
      </c>
      <c r="H43" s="17"/>
      <c r="I43" s="13">
        <v>371</v>
      </c>
      <c r="J43" s="19">
        <v>188</v>
      </c>
      <c r="K43" s="19">
        <v>183</v>
      </c>
    </row>
    <row r="44" spans="1:11" ht="15" customHeight="1">
      <c r="A44" s="17" t="s">
        <v>85</v>
      </c>
      <c r="B44" s="17"/>
      <c r="C44" s="13">
        <v>517</v>
      </c>
      <c r="D44" s="19">
        <v>278</v>
      </c>
      <c r="E44" s="19">
        <v>239</v>
      </c>
      <c r="F44" s="19"/>
      <c r="G44" s="18" t="s">
        <v>86</v>
      </c>
      <c r="H44" s="17"/>
      <c r="I44" s="13">
        <v>378</v>
      </c>
      <c r="J44" s="19">
        <v>185</v>
      </c>
      <c r="K44" s="19">
        <v>193</v>
      </c>
    </row>
    <row r="45" spans="1:11" ht="15" customHeight="1">
      <c r="A45" s="17" t="s">
        <v>87</v>
      </c>
      <c r="B45" s="17"/>
      <c r="C45" s="13">
        <v>515</v>
      </c>
      <c r="D45" s="19">
        <v>266</v>
      </c>
      <c r="E45" s="19">
        <v>249</v>
      </c>
      <c r="F45" s="19"/>
      <c r="G45" s="18" t="s">
        <v>88</v>
      </c>
      <c r="H45" s="17"/>
      <c r="I45" s="13">
        <v>310</v>
      </c>
      <c r="J45" s="19">
        <v>143</v>
      </c>
      <c r="K45" s="19">
        <v>167</v>
      </c>
    </row>
    <row r="46" spans="1:11" ht="15" customHeight="1">
      <c r="A46" s="17" t="s">
        <v>89</v>
      </c>
      <c r="B46" s="17"/>
      <c r="C46" s="13">
        <v>524</v>
      </c>
      <c r="D46" s="19">
        <v>270</v>
      </c>
      <c r="E46" s="19">
        <v>254</v>
      </c>
      <c r="F46" s="19"/>
      <c r="G46" s="18" t="s">
        <v>90</v>
      </c>
      <c r="H46" s="17"/>
      <c r="I46" s="13">
        <v>346</v>
      </c>
      <c r="J46" s="19">
        <v>146</v>
      </c>
      <c r="K46" s="19">
        <v>200</v>
      </c>
    </row>
    <row r="47" spans="1:11" ht="20.100000000000001" customHeight="1">
      <c r="A47" s="17" t="s">
        <v>91</v>
      </c>
      <c r="B47" s="17"/>
      <c r="C47" s="13">
        <v>2910</v>
      </c>
      <c r="D47" s="14">
        <v>1541</v>
      </c>
      <c r="E47" s="14">
        <v>1369</v>
      </c>
      <c r="F47" s="14"/>
      <c r="G47" s="18" t="s">
        <v>92</v>
      </c>
      <c r="H47" s="17"/>
      <c r="I47" s="13">
        <v>995</v>
      </c>
      <c r="J47" s="14">
        <v>381</v>
      </c>
      <c r="K47" s="14">
        <v>614</v>
      </c>
    </row>
    <row r="48" spans="1:11" ht="15" customHeight="1">
      <c r="A48" s="17" t="s">
        <v>93</v>
      </c>
      <c r="B48" s="17"/>
      <c r="C48" s="13">
        <v>525</v>
      </c>
      <c r="D48" s="19">
        <v>293</v>
      </c>
      <c r="E48" s="19">
        <v>232</v>
      </c>
      <c r="F48" s="19"/>
      <c r="G48" s="18" t="s">
        <v>94</v>
      </c>
      <c r="H48" s="17"/>
      <c r="I48" s="13">
        <v>251</v>
      </c>
      <c r="J48" s="19">
        <v>94</v>
      </c>
      <c r="K48" s="19">
        <v>157</v>
      </c>
    </row>
    <row r="49" spans="1:11" ht="15" customHeight="1">
      <c r="A49" s="17" t="s">
        <v>95</v>
      </c>
      <c r="B49" s="17"/>
      <c r="C49" s="13">
        <v>556</v>
      </c>
      <c r="D49" s="19">
        <v>283</v>
      </c>
      <c r="E49" s="19">
        <v>273</v>
      </c>
      <c r="F49" s="19"/>
      <c r="G49" s="18" t="s">
        <v>96</v>
      </c>
      <c r="H49" s="17"/>
      <c r="I49" s="13">
        <v>254</v>
      </c>
      <c r="J49" s="19">
        <v>118</v>
      </c>
      <c r="K49" s="19">
        <v>136</v>
      </c>
    </row>
    <row r="50" spans="1:11" ht="15" customHeight="1">
      <c r="A50" s="17" t="s">
        <v>97</v>
      </c>
      <c r="B50" s="17"/>
      <c r="C50" s="13">
        <v>603</v>
      </c>
      <c r="D50" s="19">
        <v>332</v>
      </c>
      <c r="E50" s="19">
        <v>271</v>
      </c>
      <c r="F50" s="19"/>
      <c r="G50" s="18" t="s">
        <v>98</v>
      </c>
      <c r="H50" s="17"/>
      <c r="I50" s="13">
        <v>195</v>
      </c>
      <c r="J50" s="19">
        <v>67</v>
      </c>
      <c r="K50" s="19">
        <v>128</v>
      </c>
    </row>
    <row r="51" spans="1:11" ht="15" customHeight="1">
      <c r="A51" s="17" t="s">
        <v>99</v>
      </c>
      <c r="B51" s="17"/>
      <c r="C51" s="13">
        <v>594</v>
      </c>
      <c r="D51" s="19">
        <v>289</v>
      </c>
      <c r="E51" s="19">
        <v>305</v>
      </c>
      <c r="F51" s="19"/>
      <c r="G51" s="18" t="s">
        <v>100</v>
      </c>
      <c r="H51" s="17"/>
      <c r="I51" s="13">
        <v>152</v>
      </c>
      <c r="J51" s="19">
        <v>49</v>
      </c>
      <c r="K51" s="19">
        <v>103</v>
      </c>
    </row>
    <row r="52" spans="1:11" ht="15" customHeight="1">
      <c r="A52" s="17" t="s">
        <v>101</v>
      </c>
      <c r="B52" s="17"/>
      <c r="C52" s="13">
        <v>632</v>
      </c>
      <c r="D52" s="19">
        <v>344</v>
      </c>
      <c r="E52" s="19">
        <v>288</v>
      </c>
      <c r="F52" s="19"/>
      <c r="G52" s="18" t="s">
        <v>102</v>
      </c>
      <c r="H52" s="17"/>
      <c r="I52" s="13">
        <v>143</v>
      </c>
      <c r="J52" s="19">
        <v>53</v>
      </c>
      <c r="K52" s="19">
        <v>90</v>
      </c>
    </row>
    <row r="53" spans="1:11" ht="20.100000000000001" customHeight="1">
      <c r="A53" s="17" t="s">
        <v>103</v>
      </c>
      <c r="B53" s="17"/>
      <c r="C53" s="13">
        <v>3656</v>
      </c>
      <c r="D53" s="14">
        <v>1930</v>
      </c>
      <c r="E53" s="14">
        <v>1726</v>
      </c>
      <c r="F53" s="14"/>
      <c r="G53" s="18" t="s">
        <v>104</v>
      </c>
      <c r="H53" s="17"/>
      <c r="I53" s="13">
        <v>425</v>
      </c>
      <c r="J53" s="14">
        <v>128</v>
      </c>
      <c r="K53" s="14">
        <v>297</v>
      </c>
    </row>
    <row r="54" spans="1:11" ht="15" customHeight="1">
      <c r="A54" s="17" t="s">
        <v>105</v>
      </c>
      <c r="B54" s="17"/>
      <c r="C54" s="13">
        <v>734</v>
      </c>
      <c r="D54" s="19">
        <v>401</v>
      </c>
      <c r="E54" s="19">
        <v>333</v>
      </c>
      <c r="F54" s="19"/>
      <c r="G54" s="18" t="s">
        <v>106</v>
      </c>
      <c r="H54" s="17"/>
      <c r="I54" s="13">
        <v>121</v>
      </c>
      <c r="J54" s="19">
        <v>40</v>
      </c>
      <c r="K54" s="19">
        <v>81</v>
      </c>
    </row>
    <row r="55" spans="1:11" ht="15" customHeight="1">
      <c r="A55" s="17" t="s">
        <v>107</v>
      </c>
      <c r="B55" s="17"/>
      <c r="C55" s="13">
        <v>703</v>
      </c>
      <c r="D55" s="19">
        <v>359</v>
      </c>
      <c r="E55" s="19">
        <v>344</v>
      </c>
      <c r="F55" s="19"/>
      <c r="G55" s="18" t="s">
        <v>108</v>
      </c>
      <c r="H55" s="17"/>
      <c r="I55" s="13">
        <v>102</v>
      </c>
      <c r="J55" s="19">
        <v>28</v>
      </c>
      <c r="K55" s="19">
        <v>74</v>
      </c>
    </row>
    <row r="56" spans="1:11" ht="15" customHeight="1">
      <c r="A56" s="17" t="s">
        <v>109</v>
      </c>
      <c r="B56" s="17"/>
      <c r="C56" s="13">
        <v>729</v>
      </c>
      <c r="D56" s="19">
        <v>382</v>
      </c>
      <c r="E56" s="19">
        <v>347</v>
      </c>
      <c r="F56" s="19"/>
      <c r="G56" s="18" t="s">
        <v>110</v>
      </c>
      <c r="H56" s="17"/>
      <c r="I56" s="13">
        <v>84</v>
      </c>
      <c r="J56" s="19">
        <v>25</v>
      </c>
      <c r="K56" s="19">
        <v>59</v>
      </c>
    </row>
    <row r="57" spans="1:11" ht="15" customHeight="1">
      <c r="A57" s="17" t="s">
        <v>111</v>
      </c>
      <c r="B57" s="17"/>
      <c r="C57" s="13">
        <v>756</v>
      </c>
      <c r="D57" s="19">
        <v>397</v>
      </c>
      <c r="E57" s="19">
        <v>359</v>
      </c>
      <c r="F57" s="19"/>
      <c r="G57" s="18" t="s">
        <v>112</v>
      </c>
      <c r="H57" s="17"/>
      <c r="I57" s="13">
        <v>60</v>
      </c>
      <c r="J57" s="19">
        <v>15</v>
      </c>
      <c r="K57" s="19">
        <v>45</v>
      </c>
    </row>
    <row r="58" spans="1:11" ht="15" customHeight="1">
      <c r="A58" s="17" t="s">
        <v>113</v>
      </c>
      <c r="B58" s="17"/>
      <c r="C58" s="13">
        <v>734</v>
      </c>
      <c r="D58" s="19">
        <v>391</v>
      </c>
      <c r="E58" s="19">
        <v>343</v>
      </c>
      <c r="F58" s="19"/>
      <c r="G58" s="18" t="s">
        <v>114</v>
      </c>
      <c r="H58" s="17"/>
      <c r="I58" s="13">
        <v>58</v>
      </c>
      <c r="J58" s="19">
        <v>20</v>
      </c>
      <c r="K58" s="19">
        <v>38</v>
      </c>
    </row>
    <row r="59" spans="1:11" ht="20.100000000000001" customHeight="1">
      <c r="A59" s="17" t="s">
        <v>115</v>
      </c>
      <c r="B59" s="17"/>
      <c r="C59" s="13">
        <v>4029</v>
      </c>
      <c r="D59" s="14">
        <v>2180</v>
      </c>
      <c r="E59" s="14">
        <v>1849</v>
      </c>
      <c r="F59" s="14"/>
      <c r="G59" s="18" t="s">
        <v>116</v>
      </c>
      <c r="H59" s="17"/>
      <c r="I59" s="13">
        <v>137</v>
      </c>
      <c r="J59" s="14">
        <v>23</v>
      </c>
      <c r="K59" s="14">
        <v>114</v>
      </c>
    </row>
    <row r="60" spans="1:11" ht="15" customHeight="1">
      <c r="A60" s="17" t="s">
        <v>117</v>
      </c>
      <c r="B60" s="17"/>
      <c r="C60" s="13">
        <v>861</v>
      </c>
      <c r="D60" s="19">
        <v>452</v>
      </c>
      <c r="E60" s="19">
        <v>409</v>
      </c>
      <c r="F60" s="19"/>
      <c r="G60" s="18" t="s">
        <v>118</v>
      </c>
      <c r="H60" s="17"/>
      <c r="I60" s="13">
        <v>54</v>
      </c>
      <c r="J60" s="19">
        <v>12</v>
      </c>
      <c r="K60" s="19">
        <v>42</v>
      </c>
    </row>
    <row r="61" spans="1:11" ht="15" customHeight="1">
      <c r="A61" s="17" t="s">
        <v>119</v>
      </c>
      <c r="B61" s="17"/>
      <c r="C61" s="13">
        <v>806</v>
      </c>
      <c r="D61" s="19">
        <v>439</v>
      </c>
      <c r="E61" s="19">
        <v>367</v>
      </c>
      <c r="F61" s="19"/>
      <c r="G61" s="18" t="s">
        <v>120</v>
      </c>
      <c r="H61" s="17"/>
      <c r="I61" s="13">
        <v>22</v>
      </c>
      <c r="J61" s="19">
        <v>2</v>
      </c>
      <c r="K61" s="19">
        <v>20</v>
      </c>
    </row>
    <row r="62" spans="1:11" ht="15" customHeight="1">
      <c r="A62" s="17" t="s">
        <v>121</v>
      </c>
      <c r="B62" s="17"/>
      <c r="C62" s="13">
        <v>783</v>
      </c>
      <c r="D62" s="19">
        <v>421</v>
      </c>
      <c r="E62" s="19">
        <v>362</v>
      </c>
      <c r="F62" s="19"/>
      <c r="G62" s="18" t="s">
        <v>122</v>
      </c>
      <c r="H62" s="17"/>
      <c r="I62" s="13">
        <v>28</v>
      </c>
      <c r="J62" s="19">
        <v>3</v>
      </c>
      <c r="K62" s="19">
        <v>25</v>
      </c>
    </row>
    <row r="63" spans="1:11" ht="15" customHeight="1">
      <c r="A63" s="17" t="s">
        <v>123</v>
      </c>
      <c r="B63" s="17"/>
      <c r="C63" s="13">
        <v>797</v>
      </c>
      <c r="D63" s="19">
        <v>435</v>
      </c>
      <c r="E63" s="19">
        <v>362</v>
      </c>
      <c r="F63" s="19"/>
      <c r="G63" s="18" t="s">
        <v>124</v>
      </c>
      <c r="H63" s="17"/>
      <c r="I63" s="13">
        <v>10</v>
      </c>
      <c r="J63" s="19">
        <v>1</v>
      </c>
      <c r="K63" s="19">
        <v>9</v>
      </c>
    </row>
    <row r="64" spans="1:11" ht="15" customHeight="1">
      <c r="A64" s="17" t="s">
        <v>125</v>
      </c>
      <c r="B64" s="17"/>
      <c r="C64" s="13">
        <v>782</v>
      </c>
      <c r="D64" s="19">
        <v>433</v>
      </c>
      <c r="E64" s="19">
        <v>349</v>
      </c>
      <c r="F64" s="19"/>
      <c r="G64" s="18" t="s">
        <v>126</v>
      </c>
      <c r="H64" s="17"/>
      <c r="I64" s="13">
        <v>23</v>
      </c>
      <c r="J64" s="19">
        <v>5</v>
      </c>
      <c r="K64" s="19">
        <v>1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0</v>
      </c>
      <c r="J65" s="19">
        <v>3</v>
      </c>
      <c r="K65" s="19">
        <v>2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7</v>
      </c>
      <c r="J66" s="29">
        <v>74</v>
      </c>
      <c r="K66" s="29">
        <v>33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249</v>
      </c>
      <c r="D4" s="14">
        <v>15269</v>
      </c>
      <c r="E4" s="14">
        <v>1598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17</v>
      </c>
      <c r="D5" s="14">
        <v>543</v>
      </c>
      <c r="E5" s="14">
        <v>474</v>
      </c>
      <c r="F5" s="14"/>
      <c r="G5" s="18" t="s">
        <v>8</v>
      </c>
      <c r="H5" s="17"/>
      <c r="I5" s="13">
        <v>2216</v>
      </c>
      <c r="J5" s="14">
        <v>1150</v>
      </c>
      <c r="K5" s="14">
        <v>1066</v>
      </c>
    </row>
    <row r="6" spans="1:11" ht="15" customHeight="1">
      <c r="A6" s="17" t="s">
        <v>9</v>
      </c>
      <c r="B6" s="17"/>
      <c r="C6" s="13">
        <v>175</v>
      </c>
      <c r="D6" s="19">
        <v>93</v>
      </c>
      <c r="E6" s="19">
        <v>82</v>
      </c>
      <c r="F6" s="19"/>
      <c r="G6" s="18" t="s">
        <v>10</v>
      </c>
      <c r="H6" s="17"/>
      <c r="I6" s="13">
        <v>480</v>
      </c>
      <c r="J6" s="19">
        <v>238</v>
      </c>
      <c r="K6" s="19">
        <v>242</v>
      </c>
    </row>
    <row r="7" spans="1:11" ht="15" customHeight="1">
      <c r="A7" s="17" t="s">
        <v>11</v>
      </c>
      <c r="B7" s="17"/>
      <c r="C7" s="13">
        <v>185</v>
      </c>
      <c r="D7" s="19">
        <v>91</v>
      </c>
      <c r="E7" s="19">
        <v>94</v>
      </c>
      <c r="F7" s="19"/>
      <c r="G7" s="18" t="s">
        <v>12</v>
      </c>
      <c r="H7" s="17"/>
      <c r="I7" s="13">
        <v>471</v>
      </c>
      <c r="J7" s="19">
        <v>242</v>
      </c>
      <c r="K7" s="19">
        <v>229</v>
      </c>
    </row>
    <row r="8" spans="1:11" ht="15" customHeight="1">
      <c r="A8" s="17" t="s">
        <v>13</v>
      </c>
      <c r="B8" s="17"/>
      <c r="C8" s="13">
        <v>231</v>
      </c>
      <c r="D8" s="19">
        <v>132</v>
      </c>
      <c r="E8" s="19">
        <v>99</v>
      </c>
      <c r="F8" s="19"/>
      <c r="G8" s="18" t="s">
        <v>14</v>
      </c>
      <c r="H8" s="17"/>
      <c r="I8" s="13">
        <v>491</v>
      </c>
      <c r="J8" s="19">
        <v>253</v>
      </c>
      <c r="K8" s="19">
        <v>238</v>
      </c>
    </row>
    <row r="9" spans="1:11" ht="15" customHeight="1">
      <c r="A9" s="17" t="s">
        <v>15</v>
      </c>
      <c r="B9" s="17"/>
      <c r="C9" s="13">
        <v>214</v>
      </c>
      <c r="D9" s="19">
        <v>113</v>
      </c>
      <c r="E9" s="19">
        <v>101</v>
      </c>
      <c r="F9" s="19"/>
      <c r="G9" s="18" t="s">
        <v>16</v>
      </c>
      <c r="H9" s="17"/>
      <c r="I9" s="13">
        <v>348</v>
      </c>
      <c r="J9" s="19">
        <v>187</v>
      </c>
      <c r="K9" s="19">
        <v>161</v>
      </c>
    </row>
    <row r="10" spans="1:11" ht="15" customHeight="1">
      <c r="A10" s="17" t="s">
        <v>17</v>
      </c>
      <c r="B10" s="17"/>
      <c r="C10" s="13">
        <v>212</v>
      </c>
      <c r="D10" s="19">
        <v>114</v>
      </c>
      <c r="E10" s="19">
        <v>98</v>
      </c>
      <c r="F10" s="19"/>
      <c r="G10" s="18" t="s">
        <v>18</v>
      </c>
      <c r="H10" s="17"/>
      <c r="I10" s="13">
        <v>426</v>
      </c>
      <c r="J10" s="19">
        <v>230</v>
      </c>
      <c r="K10" s="19">
        <v>196</v>
      </c>
    </row>
    <row r="11" spans="1:11" ht="20.100000000000001" customHeight="1">
      <c r="A11" s="17" t="s">
        <v>19</v>
      </c>
      <c r="B11" s="17"/>
      <c r="C11" s="13">
        <v>1187</v>
      </c>
      <c r="D11" s="14">
        <v>588</v>
      </c>
      <c r="E11" s="14">
        <v>599</v>
      </c>
      <c r="F11" s="14"/>
      <c r="G11" s="18" t="s">
        <v>20</v>
      </c>
      <c r="H11" s="17"/>
      <c r="I11" s="13">
        <v>1861</v>
      </c>
      <c r="J11" s="14">
        <v>958</v>
      </c>
      <c r="K11" s="14">
        <v>903</v>
      </c>
    </row>
    <row r="12" spans="1:11" ht="15" customHeight="1">
      <c r="A12" s="17" t="s">
        <v>21</v>
      </c>
      <c r="B12" s="17"/>
      <c r="C12" s="13">
        <v>209</v>
      </c>
      <c r="D12" s="19">
        <v>106</v>
      </c>
      <c r="E12" s="19">
        <v>103</v>
      </c>
      <c r="F12" s="19"/>
      <c r="G12" s="18" t="s">
        <v>22</v>
      </c>
      <c r="H12" s="17"/>
      <c r="I12" s="13">
        <v>393</v>
      </c>
      <c r="J12" s="19">
        <v>202</v>
      </c>
      <c r="K12" s="19">
        <v>191</v>
      </c>
    </row>
    <row r="13" spans="1:11" ht="15" customHeight="1">
      <c r="A13" s="17" t="s">
        <v>23</v>
      </c>
      <c r="B13" s="17"/>
      <c r="C13" s="13">
        <v>225</v>
      </c>
      <c r="D13" s="19">
        <v>101</v>
      </c>
      <c r="E13" s="19">
        <v>124</v>
      </c>
      <c r="F13" s="19"/>
      <c r="G13" s="18" t="s">
        <v>24</v>
      </c>
      <c r="H13" s="17"/>
      <c r="I13" s="13">
        <v>390</v>
      </c>
      <c r="J13" s="19">
        <v>208</v>
      </c>
      <c r="K13" s="19">
        <v>182</v>
      </c>
    </row>
    <row r="14" spans="1:11" ht="15" customHeight="1">
      <c r="A14" s="17" t="s">
        <v>25</v>
      </c>
      <c r="B14" s="17"/>
      <c r="C14" s="13">
        <v>224</v>
      </c>
      <c r="D14" s="19">
        <v>102</v>
      </c>
      <c r="E14" s="19">
        <v>122</v>
      </c>
      <c r="F14" s="19"/>
      <c r="G14" s="18" t="s">
        <v>26</v>
      </c>
      <c r="H14" s="17"/>
      <c r="I14" s="13">
        <v>388</v>
      </c>
      <c r="J14" s="19">
        <v>198</v>
      </c>
      <c r="K14" s="19">
        <v>190</v>
      </c>
    </row>
    <row r="15" spans="1:11" ht="15" customHeight="1">
      <c r="A15" s="17" t="s">
        <v>27</v>
      </c>
      <c r="B15" s="17"/>
      <c r="C15" s="13">
        <v>252</v>
      </c>
      <c r="D15" s="19">
        <v>133</v>
      </c>
      <c r="E15" s="19">
        <v>119</v>
      </c>
      <c r="F15" s="19"/>
      <c r="G15" s="18" t="s">
        <v>28</v>
      </c>
      <c r="H15" s="17"/>
      <c r="I15" s="13">
        <v>337</v>
      </c>
      <c r="J15" s="19">
        <v>171</v>
      </c>
      <c r="K15" s="19">
        <v>166</v>
      </c>
    </row>
    <row r="16" spans="1:11" ht="15" customHeight="1">
      <c r="A16" s="17" t="s">
        <v>29</v>
      </c>
      <c r="B16" s="17"/>
      <c r="C16" s="13">
        <v>277</v>
      </c>
      <c r="D16" s="19">
        <v>146</v>
      </c>
      <c r="E16" s="19">
        <v>131</v>
      </c>
      <c r="F16" s="19"/>
      <c r="G16" s="18" t="s">
        <v>30</v>
      </c>
      <c r="H16" s="17"/>
      <c r="I16" s="13">
        <v>353</v>
      </c>
      <c r="J16" s="19">
        <v>179</v>
      </c>
      <c r="K16" s="19">
        <v>174</v>
      </c>
    </row>
    <row r="17" spans="1:11" ht="20.100000000000001" customHeight="1">
      <c r="A17" s="20" t="s">
        <v>31</v>
      </c>
      <c r="B17" s="20"/>
      <c r="C17" s="13">
        <v>1276</v>
      </c>
      <c r="D17" s="14">
        <v>645</v>
      </c>
      <c r="E17" s="14">
        <v>631</v>
      </c>
      <c r="F17" s="14"/>
      <c r="G17" s="18" t="s">
        <v>32</v>
      </c>
      <c r="H17" s="17"/>
      <c r="I17" s="13">
        <v>1922</v>
      </c>
      <c r="J17" s="14">
        <v>916</v>
      </c>
      <c r="K17" s="14">
        <v>1006</v>
      </c>
    </row>
    <row r="18" spans="1:11" ht="15" customHeight="1">
      <c r="A18" s="17" t="s">
        <v>33</v>
      </c>
      <c r="B18" s="17"/>
      <c r="C18" s="13">
        <v>217</v>
      </c>
      <c r="D18" s="19">
        <v>105</v>
      </c>
      <c r="E18" s="19">
        <v>112</v>
      </c>
      <c r="F18" s="19"/>
      <c r="G18" s="18" t="s">
        <v>34</v>
      </c>
      <c r="H18" s="17"/>
      <c r="I18" s="13">
        <v>394</v>
      </c>
      <c r="J18" s="19">
        <v>177</v>
      </c>
      <c r="K18" s="19">
        <v>217</v>
      </c>
    </row>
    <row r="19" spans="1:11" ht="15" customHeight="1">
      <c r="A19" s="17" t="s">
        <v>35</v>
      </c>
      <c r="B19" s="17"/>
      <c r="C19" s="13">
        <v>271</v>
      </c>
      <c r="D19" s="19">
        <v>136</v>
      </c>
      <c r="E19" s="19">
        <v>135</v>
      </c>
      <c r="F19" s="19"/>
      <c r="G19" s="18" t="s">
        <v>36</v>
      </c>
      <c r="H19" s="17"/>
      <c r="I19" s="13">
        <v>375</v>
      </c>
      <c r="J19" s="19">
        <v>184</v>
      </c>
      <c r="K19" s="19">
        <v>191</v>
      </c>
    </row>
    <row r="20" spans="1:11" ht="15" customHeight="1">
      <c r="A20" s="17" t="s">
        <v>37</v>
      </c>
      <c r="B20" s="17"/>
      <c r="C20" s="13">
        <v>267</v>
      </c>
      <c r="D20" s="19">
        <v>150</v>
      </c>
      <c r="E20" s="19">
        <v>117</v>
      </c>
      <c r="F20" s="19"/>
      <c r="G20" s="18" t="s">
        <v>38</v>
      </c>
      <c r="H20" s="17"/>
      <c r="I20" s="13">
        <v>374</v>
      </c>
      <c r="J20" s="19">
        <v>177</v>
      </c>
      <c r="K20" s="19">
        <v>197</v>
      </c>
    </row>
    <row r="21" spans="1:11" ht="15" customHeight="1">
      <c r="A21" s="17" t="s">
        <v>39</v>
      </c>
      <c r="B21" s="17"/>
      <c r="C21" s="13">
        <v>252</v>
      </c>
      <c r="D21" s="19">
        <v>139</v>
      </c>
      <c r="E21" s="19">
        <v>113</v>
      </c>
      <c r="F21" s="19"/>
      <c r="G21" s="18" t="s">
        <v>40</v>
      </c>
      <c r="H21" s="17"/>
      <c r="I21" s="13">
        <v>390</v>
      </c>
      <c r="J21" s="19">
        <v>193</v>
      </c>
      <c r="K21" s="19">
        <v>197</v>
      </c>
    </row>
    <row r="22" spans="1:11" ht="15" customHeight="1">
      <c r="A22" s="17" t="s">
        <v>41</v>
      </c>
      <c r="B22" s="17"/>
      <c r="C22" s="13">
        <v>269</v>
      </c>
      <c r="D22" s="19">
        <v>115</v>
      </c>
      <c r="E22" s="19">
        <v>154</v>
      </c>
      <c r="F22" s="19"/>
      <c r="G22" s="18" t="s">
        <v>42</v>
      </c>
      <c r="H22" s="17"/>
      <c r="I22" s="13">
        <v>389</v>
      </c>
      <c r="J22" s="19">
        <v>185</v>
      </c>
      <c r="K22" s="19">
        <v>204</v>
      </c>
    </row>
    <row r="23" spans="1:11" ht="20.100000000000001" customHeight="1">
      <c r="A23" s="17" t="s">
        <v>43</v>
      </c>
      <c r="B23" s="17"/>
      <c r="C23" s="13">
        <v>1371</v>
      </c>
      <c r="D23" s="14">
        <v>720</v>
      </c>
      <c r="E23" s="14">
        <v>651</v>
      </c>
      <c r="F23" s="14"/>
      <c r="G23" s="18" t="s">
        <v>44</v>
      </c>
      <c r="H23" s="17"/>
      <c r="I23" s="13">
        <v>2327</v>
      </c>
      <c r="J23" s="14">
        <v>1097</v>
      </c>
      <c r="K23" s="14">
        <v>1230</v>
      </c>
    </row>
    <row r="24" spans="1:11" ht="15" customHeight="1">
      <c r="A24" s="17" t="s">
        <v>45</v>
      </c>
      <c r="B24" s="17"/>
      <c r="C24" s="13">
        <v>263</v>
      </c>
      <c r="D24" s="19">
        <v>137</v>
      </c>
      <c r="E24" s="19">
        <v>126</v>
      </c>
      <c r="F24" s="19"/>
      <c r="G24" s="18" t="s">
        <v>46</v>
      </c>
      <c r="H24" s="17"/>
      <c r="I24" s="13">
        <v>381</v>
      </c>
      <c r="J24" s="19">
        <v>194</v>
      </c>
      <c r="K24" s="19">
        <v>187</v>
      </c>
    </row>
    <row r="25" spans="1:11" ht="15" customHeight="1">
      <c r="A25" s="17" t="s">
        <v>47</v>
      </c>
      <c r="B25" s="17"/>
      <c r="C25" s="13">
        <v>277</v>
      </c>
      <c r="D25" s="19">
        <v>143</v>
      </c>
      <c r="E25" s="19">
        <v>134</v>
      </c>
      <c r="F25" s="19"/>
      <c r="G25" s="18" t="s">
        <v>48</v>
      </c>
      <c r="H25" s="17"/>
      <c r="I25" s="13">
        <v>429</v>
      </c>
      <c r="J25" s="19">
        <v>183</v>
      </c>
      <c r="K25" s="19">
        <v>246</v>
      </c>
    </row>
    <row r="26" spans="1:11" ht="15" customHeight="1">
      <c r="A26" s="17" t="s">
        <v>49</v>
      </c>
      <c r="B26" s="17"/>
      <c r="C26" s="13">
        <v>278</v>
      </c>
      <c r="D26" s="19">
        <v>143</v>
      </c>
      <c r="E26" s="19">
        <v>135</v>
      </c>
      <c r="F26" s="19"/>
      <c r="G26" s="18" t="s">
        <v>50</v>
      </c>
      <c r="H26" s="17"/>
      <c r="I26" s="13">
        <v>480</v>
      </c>
      <c r="J26" s="19">
        <v>210</v>
      </c>
      <c r="K26" s="19">
        <v>270</v>
      </c>
    </row>
    <row r="27" spans="1:11" ht="15" customHeight="1">
      <c r="A27" s="17" t="s">
        <v>51</v>
      </c>
      <c r="B27" s="17"/>
      <c r="C27" s="13">
        <v>271</v>
      </c>
      <c r="D27" s="19">
        <v>150</v>
      </c>
      <c r="E27" s="19">
        <v>121</v>
      </c>
      <c r="F27" s="19"/>
      <c r="G27" s="18" t="s">
        <v>52</v>
      </c>
      <c r="H27" s="17"/>
      <c r="I27" s="13">
        <v>497</v>
      </c>
      <c r="J27" s="19">
        <v>253</v>
      </c>
      <c r="K27" s="19">
        <v>244</v>
      </c>
    </row>
    <row r="28" spans="1:11" ht="15" customHeight="1">
      <c r="A28" s="17" t="s">
        <v>53</v>
      </c>
      <c r="B28" s="17"/>
      <c r="C28" s="13">
        <v>282</v>
      </c>
      <c r="D28" s="19">
        <v>147</v>
      </c>
      <c r="E28" s="19">
        <v>135</v>
      </c>
      <c r="F28" s="19"/>
      <c r="G28" s="18" t="s">
        <v>54</v>
      </c>
      <c r="H28" s="17"/>
      <c r="I28" s="13">
        <v>540</v>
      </c>
      <c r="J28" s="19">
        <v>257</v>
      </c>
      <c r="K28" s="19">
        <v>283</v>
      </c>
    </row>
    <row r="29" spans="1:11" ht="20.100000000000001" customHeight="1">
      <c r="A29" s="17" t="s">
        <v>55</v>
      </c>
      <c r="B29" s="17"/>
      <c r="C29" s="13">
        <v>1143</v>
      </c>
      <c r="D29" s="14">
        <v>595</v>
      </c>
      <c r="E29" s="14">
        <v>548</v>
      </c>
      <c r="F29" s="14"/>
      <c r="G29" s="18" t="s">
        <v>56</v>
      </c>
      <c r="H29" s="17"/>
      <c r="I29" s="13">
        <v>2860</v>
      </c>
      <c r="J29" s="14">
        <v>1345</v>
      </c>
      <c r="K29" s="14">
        <v>1515</v>
      </c>
    </row>
    <row r="30" spans="1:11" ht="15" customHeight="1">
      <c r="A30" s="17" t="s">
        <v>57</v>
      </c>
      <c r="B30" s="17"/>
      <c r="C30" s="13">
        <v>249</v>
      </c>
      <c r="D30" s="19">
        <v>119</v>
      </c>
      <c r="E30" s="19">
        <v>130</v>
      </c>
      <c r="F30" s="19"/>
      <c r="G30" s="18" t="s">
        <v>58</v>
      </c>
      <c r="H30" s="17"/>
      <c r="I30" s="13">
        <v>641</v>
      </c>
      <c r="J30" s="19">
        <v>308</v>
      </c>
      <c r="K30" s="19">
        <v>333</v>
      </c>
    </row>
    <row r="31" spans="1:11" ht="15" customHeight="1">
      <c r="A31" s="17" t="s">
        <v>59</v>
      </c>
      <c r="B31" s="17"/>
      <c r="C31" s="13">
        <v>270</v>
      </c>
      <c r="D31" s="19">
        <v>131</v>
      </c>
      <c r="E31" s="19">
        <v>139</v>
      </c>
      <c r="F31" s="19"/>
      <c r="G31" s="18" t="s">
        <v>60</v>
      </c>
      <c r="H31" s="17"/>
      <c r="I31" s="13">
        <v>657</v>
      </c>
      <c r="J31" s="19">
        <v>291</v>
      </c>
      <c r="K31" s="19">
        <v>366</v>
      </c>
    </row>
    <row r="32" spans="1:11" ht="15" customHeight="1">
      <c r="A32" s="17" t="s">
        <v>61</v>
      </c>
      <c r="B32" s="17"/>
      <c r="C32" s="13">
        <v>248</v>
      </c>
      <c r="D32" s="19">
        <v>139</v>
      </c>
      <c r="E32" s="19">
        <v>109</v>
      </c>
      <c r="F32" s="19"/>
      <c r="G32" s="18" t="s">
        <v>62</v>
      </c>
      <c r="H32" s="17"/>
      <c r="I32" s="13">
        <v>691</v>
      </c>
      <c r="J32" s="19">
        <v>333</v>
      </c>
      <c r="K32" s="19">
        <v>358</v>
      </c>
    </row>
    <row r="33" spans="1:11" ht="15" customHeight="1">
      <c r="A33" s="17" t="s">
        <v>63</v>
      </c>
      <c r="B33" s="17"/>
      <c r="C33" s="13">
        <v>193</v>
      </c>
      <c r="D33" s="19">
        <v>105</v>
      </c>
      <c r="E33" s="19">
        <v>88</v>
      </c>
      <c r="F33" s="19"/>
      <c r="G33" s="18" t="s">
        <v>64</v>
      </c>
      <c r="H33" s="17"/>
      <c r="I33" s="13">
        <v>470</v>
      </c>
      <c r="J33" s="19">
        <v>235</v>
      </c>
      <c r="K33" s="19">
        <v>235</v>
      </c>
    </row>
    <row r="34" spans="1:11" ht="15" customHeight="1">
      <c r="A34" s="17" t="s">
        <v>65</v>
      </c>
      <c r="B34" s="17"/>
      <c r="C34" s="13">
        <v>183</v>
      </c>
      <c r="D34" s="19">
        <v>101</v>
      </c>
      <c r="E34" s="19">
        <v>82</v>
      </c>
      <c r="F34" s="19"/>
      <c r="G34" s="18" t="s">
        <v>66</v>
      </c>
      <c r="H34" s="17"/>
      <c r="I34" s="13">
        <v>401</v>
      </c>
      <c r="J34" s="19">
        <v>178</v>
      </c>
      <c r="K34" s="19">
        <v>223</v>
      </c>
    </row>
    <row r="35" spans="1:11" ht="20.100000000000001" customHeight="1">
      <c r="A35" s="17" t="s">
        <v>67</v>
      </c>
      <c r="B35" s="17"/>
      <c r="C35" s="13">
        <v>934</v>
      </c>
      <c r="D35" s="14">
        <v>470</v>
      </c>
      <c r="E35" s="14">
        <v>464</v>
      </c>
      <c r="F35" s="14"/>
      <c r="G35" s="18" t="s">
        <v>68</v>
      </c>
      <c r="H35" s="17"/>
      <c r="I35" s="13">
        <v>2317</v>
      </c>
      <c r="J35" s="14">
        <v>1115</v>
      </c>
      <c r="K35" s="14">
        <v>1202</v>
      </c>
    </row>
    <row r="36" spans="1:11" ht="15" customHeight="1">
      <c r="A36" s="17" t="s">
        <v>69</v>
      </c>
      <c r="B36" s="17"/>
      <c r="C36" s="13">
        <v>229</v>
      </c>
      <c r="D36" s="19">
        <v>132</v>
      </c>
      <c r="E36" s="19">
        <v>97</v>
      </c>
      <c r="F36" s="19"/>
      <c r="G36" s="18" t="s">
        <v>70</v>
      </c>
      <c r="H36" s="17"/>
      <c r="I36" s="13">
        <v>451</v>
      </c>
      <c r="J36" s="19">
        <v>210</v>
      </c>
      <c r="K36" s="19">
        <v>241</v>
      </c>
    </row>
    <row r="37" spans="1:11" ht="15" customHeight="1">
      <c r="A37" s="17" t="s">
        <v>71</v>
      </c>
      <c r="B37" s="17"/>
      <c r="C37" s="13">
        <v>188</v>
      </c>
      <c r="D37" s="19">
        <v>85</v>
      </c>
      <c r="E37" s="19">
        <v>103</v>
      </c>
      <c r="F37" s="19"/>
      <c r="G37" s="18" t="s">
        <v>72</v>
      </c>
      <c r="H37" s="17"/>
      <c r="I37" s="13">
        <v>499</v>
      </c>
      <c r="J37" s="19">
        <v>226</v>
      </c>
      <c r="K37" s="19">
        <v>273</v>
      </c>
    </row>
    <row r="38" spans="1:11" ht="15" customHeight="1">
      <c r="A38" s="17" t="s">
        <v>73</v>
      </c>
      <c r="B38" s="17"/>
      <c r="C38" s="13">
        <v>173</v>
      </c>
      <c r="D38" s="19">
        <v>79</v>
      </c>
      <c r="E38" s="19">
        <v>94</v>
      </c>
      <c r="F38" s="19"/>
      <c r="G38" s="18" t="s">
        <v>74</v>
      </c>
      <c r="H38" s="17"/>
      <c r="I38" s="13">
        <v>507</v>
      </c>
      <c r="J38" s="19">
        <v>267</v>
      </c>
      <c r="K38" s="19">
        <v>240</v>
      </c>
    </row>
    <row r="39" spans="1:11" ht="15" customHeight="1">
      <c r="A39" s="17" t="s">
        <v>75</v>
      </c>
      <c r="B39" s="17"/>
      <c r="C39" s="13">
        <v>192</v>
      </c>
      <c r="D39" s="19">
        <v>95</v>
      </c>
      <c r="E39" s="19">
        <v>97</v>
      </c>
      <c r="F39" s="19"/>
      <c r="G39" s="18" t="s">
        <v>76</v>
      </c>
      <c r="H39" s="17"/>
      <c r="I39" s="13">
        <v>467</v>
      </c>
      <c r="J39" s="19">
        <v>227</v>
      </c>
      <c r="K39" s="19">
        <v>240</v>
      </c>
    </row>
    <row r="40" spans="1:11" ht="15" customHeight="1">
      <c r="A40" s="17" t="s">
        <v>77</v>
      </c>
      <c r="B40" s="17"/>
      <c r="C40" s="13">
        <v>152</v>
      </c>
      <c r="D40" s="19">
        <v>79</v>
      </c>
      <c r="E40" s="19">
        <v>73</v>
      </c>
      <c r="F40" s="19"/>
      <c r="G40" s="18" t="s">
        <v>78</v>
      </c>
      <c r="H40" s="17"/>
      <c r="I40" s="13">
        <v>393</v>
      </c>
      <c r="J40" s="19">
        <v>185</v>
      </c>
      <c r="K40" s="19">
        <v>208</v>
      </c>
    </row>
    <row r="41" spans="1:11" ht="20.100000000000001" customHeight="1">
      <c r="A41" s="17" t="s">
        <v>79</v>
      </c>
      <c r="B41" s="17"/>
      <c r="C41" s="13">
        <v>1097</v>
      </c>
      <c r="D41" s="14">
        <v>521</v>
      </c>
      <c r="E41" s="14">
        <v>576</v>
      </c>
      <c r="F41" s="14"/>
      <c r="G41" s="18" t="s">
        <v>80</v>
      </c>
      <c r="H41" s="17"/>
      <c r="I41" s="13">
        <v>1563</v>
      </c>
      <c r="J41" s="14">
        <v>691</v>
      </c>
      <c r="K41" s="14">
        <v>872</v>
      </c>
    </row>
    <row r="42" spans="1:11" ht="15" customHeight="1">
      <c r="A42" s="17" t="s">
        <v>81</v>
      </c>
      <c r="B42" s="17"/>
      <c r="C42" s="13">
        <v>201</v>
      </c>
      <c r="D42" s="19">
        <v>92</v>
      </c>
      <c r="E42" s="19">
        <v>109</v>
      </c>
      <c r="F42" s="19"/>
      <c r="G42" s="18" t="s">
        <v>82</v>
      </c>
      <c r="H42" s="17"/>
      <c r="I42" s="13">
        <v>335</v>
      </c>
      <c r="J42" s="19">
        <v>165</v>
      </c>
      <c r="K42" s="19">
        <v>170</v>
      </c>
    </row>
    <row r="43" spans="1:11" ht="15" customHeight="1">
      <c r="A43" s="17" t="s">
        <v>83</v>
      </c>
      <c r="B43" s="17"/>
      <c r="C43" s="13">
        <v>196</v>
      </c>
      <c r="D43" s="19">
        <v>79</v>
      </c>
      <c r="E43" s="19">
        <v>117</v>
      </c>
      <c r="F43" s="19"/>
      <c r="G43" s="18" t="s">
        <v>84</v>
      </c>
      <c r="H43" s="17"/>
      <c r="I43" s="13">
        <v>320</v>
      </c>
      <c r="J43" s="19">
        <v>147</v>
      </c>
      <c r="K43" s="19">
        <v>173</v>
      </c>
    </row>
    <row r="44" spans="1:11" ht="15" customHeight="1">
      <c r="A44" s="17" t="s">
        <v>85</v>
      </c>
      <c r="B44" s="17"/>
      <c r="C44" s="13">
        <v>212</v>
      </c>
      <c r="D44" s="19">
        <v>103</v>
      </c>
      <c r="E44" s="19">
        <v>109</v>
      </c>
      <c r="F44" s="19"/>
      <c r="G44" s="18" t="s">
        <v>86</v>
      </c>
      <c r="H44" s="17"/>
      <c r="I44" s="13">
        <v>338</v>
      </c>
      <c r="J44" s="19">
        <v>153</v>
      </c>
      <c r="K44" s="19">
        <v>185</v>
      </c>
    </row>
    <row r="45" spans="1:11" ht="15" customHeight="1">
      <c r="A45" s="17" t="s">
        <v>87</v>
      </c>
      <c r="B45" s="17"/>
      <c r="C45" s="13">
        <v>235</v>
      </c>
      <c r="D45" s="19">
        <v>121</v>
      </c>
      <c r="E45" s="19">
        <v>114</v>
      </c>
      <c r="F45" s="19"/>
      <c r="G45" s="18" t="s">
        <v>88</v>
      </c>
      <c r="H45" s="17"/>
      <c r="I45" s="13">
        <v>298</v>
      </c>
      <c r="J45" s="19">
        <v>119</v>
      </c>
      <c r="K45" s="19">
        <v>179</v>
      </c>
    </row>
    <row r="46" spans="1:11" ht="15" customHeight="1">
      <c r="A46" s="17" t="s">
        <v>89</v>
      </c>
      <c r="B46" s="17"/>
      <c r="C46" s="13">
        <v>253</v>
      </c>
      <c r="D46" s="19">
        <v>126</v>
      </c>
      <c r="E46" s="19">
        <v>127</v>
      </c>
      <c r="F46" s="19"/>
      <c r="G46" s="18" t="s">
        <v>90</v>
      </c>
      <c r="H46" s="17"/>
      <c r="I46" s="13">
        <v>272</v>
      </c>
      <c r="J46" s="19">
        <v>107</v>
      </c>
      <c r="K46" s="19">
        <v>165</v>
      </c>
    </row>
    <row r="47" spans="1:11" ht="20.100000000000001" customHeight="1">
      <c r="A47" s="17" t="s">
        <v>91</v>
      </c>
      <c r="B47" s="17"/>
      <c r="C47" s="13">
        <v>1575</v>
      </c>
      <c r="D47" s="14">
        <v>785</v>
      </c>
      <c r="E47" s="14">
        <v>790</v>
      </c>
      <c r="F47" s="14"/>
      <c r="G47" s="18" t="s">
        <v>92</v>
      </c>
      <c r="H47" s="17"/>
      <c r="I47" s="13">
        <v>928</v>
      </c>
      <c r="J47" s="14">
        <v>361</v>
      </c>
      <c r="K47" s="14">
        <v>567</v>
      </c>
    </row>
    <row r="48" spans="1:11" ht="15" customHeight="1">
      <c r="A48" s="17" t="s">
        <v>93</v>
      </c>
      <c r="B48" s="17"/>
      <c r="C48" s="13">
        <v>304</v>
      </c>
      <c r="D48" s="19">
        <v>150</v>
      </c>
      <c r="E48" s="19">
        <v>154</v>
      </c>
      <c r="F48" s="19"/>
      <c r="G48" s="18" t="s">
        <v>94</v>
      </c>
      <c r="H48" s="17"/>
      <c r="I48" s="13">
        <v>221</v>
      </c>
      <c r="J48" s="19">
        <v>84</v>
      </c>
      <c r="K48" s="19">
        <v>137</v>
      </c>
    </row>
    <row r="49" spans="1:11" ht="15" customHeight="1">
      <c r="A49" s="17" t="s">
        <v>95</v>
      </c>
      <c r="B49" s="17"/>
      <c r="C49" s="13">
        <v>289</v>
      </c>
      <c r="D49" s="19">
        <v>149</v>
      </c>
      <c r="E49" s="19">
        <v>140</v>
      </c>
      <c r="F49" s="19"/>
      <c r="G49" s="18" t="s">
        <v>96</v>
      </c>
      <c r="H49" s="17"/>
      <c r="I49" s="13">
        <v>218</v>
      </c>
      <c r="J49" s="19">
        <v>95</v>
      </c>
      <c r="K49" s="19">
        <v>123</v>
      </c>
    </row>
    <row r="50" spans="1:11" ht="15" customHeight="1">
      <c r="A50" s="17" t="s">
        <v>97</v>
      </c>
      <c r="B50" s="17"/>
      <c r="C50" s="13">
        <v>298</v>
      </c>
      <c r="D50" s="19">
        <v>144</v>
      </c>
      <c r="E50" s="19">
        <v>154</v>
      </c>
      <c r="F50" s="19"/>
      <c r="G50" s="18" t="s">
        <v>98</v>
      </c>
      <c r="H50" s="17"/>
      <c r="I50" s="13">
        <v>176</v>
      </c>
      <c r="J50" s="19">
        <v>73</v>
      </c>
      <c r="K50" s="19">
        <v>103</v>
      </c>
    </row>
    <row r="51" spans="1:11" ht="15" customHeight="1">
      <c r="A51" s="17" t="s">
        <v>99</v>
      </c>
      <c r="B51" s="17"/>
      <c r="C51" s="13">
        <v>349</v>
      </c>
      <c r="D51" s="19">
        <v>166</v>
      </c>
      <c r="E51" s="19">
        <v>183</v>
      </c>
      <c r="F51" s="19"/>
      <c r="G51" s="18" t="s">
        <v>100</v>
      </c>
      <c r="H51" s="17"/>
      <c r="I51" s="13">
        <v>170</v>
      </c>
      <c r="J51" s="19">
        <v>61</v>
      </c>
      <c r="K51" s="19">
        <v>109</v>
      </c>
    </row>
    <row r="52" spans="1:11" ht="15" customHeight="1">
      <c r="A52" s="17" t="s">
        <v>101</v>
      </c>
      <c r="B52" s="17"/>
      <c r="C52" s="13">
        <v>335</v>
      </c>
      <c r="D52" s="19">
        <v>176</v>
      </c>
      <c r="E52" s="19">
        <v>159</v>
      </c>
      <c r="F52" s="19"/>
      <c r="G52" s="18" t="s">
        <v>102</v>
      </c>
      <c r="H52" s="17"/>
      <c r="I52" s="13">
        <v>143</v>
      </c>
      <c r="J52" s="19">
        <v>48</v>
      </c>
      <c r="K52" s="19">
        <v>95</v>
      </c>
    </row>
    <row r="53" spans="1:11" ht="20.100000000000001" customHeight="1">
      <c r="A53" s="17" t="s">
        <v>103</v>
      </c>
      <c r="B53" s="17"/>
      <c r="C53" s="13">
        <v>1976</v>
      </c>
      <c r="D53" s="14">
        <v>1018</v>
      </c>
      <c r="E53" s="14">
        <v>958</v>
      </c>
      <c r="F53" s="14"/>
      <c r="G53" s="18" t="s">
        <v>104</v>
      </c>
      <c r="H53" s="17"/>
      <c r="I53" s="13">
        <v>405</v>
      </c>
      <c r="J53" s="14">
        <v>112</v>
      </c>
      <c r="K53" s="14">
        <v>293</v>
      </c>
    </row>
    <row r="54" spans="1:11" ht="15" customHeight="1">
      <c r="A54" s="17" t="s">
        <v>105</v>
      </c>
      <c r="B54" s="17"/>
      <c r="C54" s="13">
        <v>339</v>
      </c>
      <c r="D54" s="19">
        <v>169</v>
      </c>
      <c r="E54" s="19">
        <v>170</v>
      </c>
      <c r="F54" s="19"/>
      <c r="G54" s="18" t="s">
        <v>106</v>
      </c>
      <c r="H54" s="17"/>
      <c r="I54" s="13">
        <v>89</v>
      </c>
      <c r="J54" s="19">
        <v>22</v>
      </c>
      <c r="K54" s="19">
        <v>67</v>
      </c>
    </row>
    <row r="55" spans="1:11" ht="15" customHeight="1">
      <c r="A55" s="17" t="s">
        <v>107</v>
      </c>
      <c r="B55" s="17"/>
      <c r="C55" s="13">
        <v>367</v>
      </c>
      <c r="D55" s="19">
        <v>195</v>
      </c>
      <c r="E55" s="19">
        <v>172</v>
      </c>
      <c r="F55" s="19"/>
      <c r="G55" s="18" t="s">
        <v>108</v>
      </c>
      <c r="H55" s="17"/>
      <c r="I55" s="13">
        <v>121</v>
      </c>
      <c r="J55" s="19">
        <v>44</v>
      </c>
      <c r="K55" s="19">
        <v>77</v>
      </c>
    </row>
    <row r="56" spans="1:11" ht="15" customHeight="1">
      <c r="A56" s="17" t="s">
        <v>109</v>
      </c>
      <c r="B56" s="17"/>
      <c r="C56" s="13">
        <v>407</v>
      </c>
      <c r="D56" s="19">
        <v>207</v>
      </c>
      <c r="E56" s="19">
        <v>200</v>
      </c>
      <c r="F56" s="19"/>
      <c r="G56" s="18" t="s">
        <v>110</v>
      </c>
      <c r="H56" s="17"/>
      <c r="I56" s="13">
        <v>89</v>
      </c>
      <c r="J56" s="19">
        <v>27</v>
      </c>
      <c r="K56" s="19">
        <v>62</v>
      </c>
    </row>
    <row r="57" spans="1:11" ht="15" customHeight="1">
      <c r="A57" s="17" t="s">
        <v>111</v>
      </c>
      <c r="B57" s="17"/>
      <c r="C57" s="13">
        <v>425</v>
      </c>
      <c r="D57" s="19">
        <v>216</v>
      </c>
      <c r="E57" s="19">
        <v>209</v>
      </c>
      <c r="F57" s="19"/>
      <c r="G57" s="18" t="s">
        <v>112</v>
      </c>
      <c r="H57" s="17"/>
      <c r="I57" s="13">
        <v>67</v>
      </c>
      <c r="J57" s="19">
        <v>16</v>
      </c>
      <c r="K57" s="19">
        <v>51</v>
      </c>
    </row>
    <row r="58" spans="1:11" ht="15" customHeight="1">
      <c r="A58" s="17" t="s">
        <v>113</v>
      </c>
      <c r="B58" s="17"/>
      <c r="C58" s="13">
        <v>438</v>
      </c>
      <c r="D58" s="19">
        <v>231</v>
      </c>
      <c r="E58" s="19">
        <v>207</v>
      </c>
      <c r="F58" s="19"/>
      <c r="G58" s="18" t="s">
        <v>114</v>
      </c>
      <c r="H58" s="17"/>
      <c r="I58" s="13">
        <v>39</v>
      </c>
      <c r="J58" s="19">
        <v>3</v>
      </c>
      <c r="K58" s="19">
        <v>36</v>
      </c>
    </row>
    <row r="59" spans="1:11" ht="20.100000000000001" customHeight="1">
      <c r="A59" s="17" t="s">
        <v>115</v>
      </c>
      <c r="B59" s="17"/>
      <c r="C59" s="13">
        <v>2446</v>
      </c>
      <c r="D59" s="14">
        <v>1228</v>
      </c>
      <c r="E59" s="14">
        <v>1218</v>
      </c>
      <c r="F59" s="14"/>
      <c r="G59" s="18" t="s">
        <v>116</v>
      </c>
      <c r="H59" s="17"/>
      <c r="I59" s="13">
        <v>137</v>
      </c>
      <c r="J59" s="14">
        <v>18</v>
      </c>
      <c r="K59" s="14">
        <v>119</v>
      </c>
    </row>
    <row r="60" spans="1:11" ht="15" customHeight="1">
      <c r="A60" s="17" t="s">
        <v>117</v>
      </c>
      <c r="B60" s="17"/>
      <c r="C60" s="13">
        <v>500</v>
      </c>
      <c r="D60" s="19">
        <v>252</v>
      </c>
      <c r="E60" s="19">
        <v>248</v>
      </c>
      <c r="F60" s="19"/>
      <c r="G60" s="18" t="s">
        <v>118</v>
      </c>
      <c r="H60" s="17"/>
      <c r="I60" s="13">
        <v>52</v>
      </c>
      <c r="J60" s="19">
        <v>10</v>
      </c>
      <c r="K60" s="19">
        <v>42</v>
      </c>
    </row>
    <row r="61" spans="1:11" ht="15" customHeight="1">
      <c r="A61" s="17" t="s">
        <v>119</v>
      </c>
      <c r="B61" s="17"/>
      <c r="C61" s="13">
        <v>485</v>
      </c>
      <c r="D61" s="19">
        <v>242</v>
      </c>
      <c r="E61" s="19">
        <v>243</v>
      </c>
      <c r="F61" s="19"/>
      <c r="G61" s="18" t="s">
        <v>120</v>
      </c>
      <c r="H61" s="17"/>
      <c r="I61" s="13">
        <v>32</v>
      </c>
      <c r="J61" s="19">
        <v>2</v>
      </c>
      <c r="K61" s="19">
        <v>30</v>
      </c>
    </row>
    <row r="62" spans="1:11" ht="15" customHeight="1">
      <c r="A62" s="17" t="s">
        <v>121</v>
      </c>
      <c r="B62" s="17"/>
      <c r="C62" s="13">
        <v>465</v>
      </c>
      <c r="D62" s="19">
        <v>239</v>
      </c>
      <c r="E62" s="19">
        <v>226</v>
      </c>
      <c r="F62" s="19"/>
      <c r="G62" s="18" t="s">
        <v>122</v>
      </c>
      <c r="H62" s="17"/>
      <c r="I62" s="13">
        <v>25</v>
      </c>
      <c r="J62" s="19">
        <v>4</v>
      </c>
      <c r="K62" s="19">
        <v>21</v>
      </c>
    </row>
    <row r="63" spans="1:11" ht="15" customHeight="1">
      <c r="A63" s="17" t="s">
        <v>123</v>
      </c>
      <c r="B63" s="17"/>
      <c r="C63" s="13">
        <v>501</v>
      </c>
      <c r="D63" s="19">
        <v>246</v>
      </c>
      <c r="E63" s="19">
        <v>255</v>
      </c>
      <c r="F63" s="19"/>
      <c r="G63" s="18" t="s">
        <v>124</v>
      </c>
      <c r="H63" s="17"/>
      <c r="I63" s="13">
        <v>12</v>
      </c>
      <c r="J63" s="19">
        <v>2</v>
      </c>
      <c r="K63" s="19">
        <v>10</v>
      </c>
    </row>
    <row r="64" spans="1:11" ht="15" customHeight="1">
      <c r="A64" s="17" t="s">
        <v>125</v>
      </c>
      <c r="B64" s="17"/>
      <c r="C64" s="13">
        <v>495</v>
      </c>
      <c r="D64" s="19">
        <v>249</v>
      </c>
      <c r="E64" s="19">
        <v>246</v>
      </c>
      <c r="F64" s="19"/>
      <c r="G64" s="18" t="s">
        <v>126</v>
      </c>
      <c r="H64" s="17"/>
      <c r="I64" s="13">
        <v>16</v>
      </c>
      <c r="J64" s="19">
        <v>0</v>
      </c>
      <c r="K64" s="19">
        <v>1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</v>
      </c>
      <c r="J65" s="19">
        <v>5</v>
      </c>
      <c r="K65" s="19">
        <v>1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74</v>
      </c>
      <c r="J66" s="29">
        <v>388</v>
      </c>
      <c r="K66" s="29">
        <v>286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653</v>
      </c>
      <c r="D4" s="14">
        <v>13326</v>
      </c>
      <c r="E4" s="14">
        <v>1432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21</v>
      </c>
      <c r="D5" s="14">
        <v>420</v>
      </c>
      <c r="E5" s="14">
        <v>401</v>
      </c>
      <c r="F5" s="14"/>
      <c r="G5" s="18" t="s">
        <v>8</v>
      </c>
      <c r="H5" s="17"/>
      <c r="I5" s="13">
        <v>2039</v>
      </c>
      <c r="J5" s="14">
        <v>1037</v>
      </c>
      <c r="K5" s="14">
        <v>1002</v>
      </c>
    </row>
    <row r="6" spans="1:11" ht="15" customHeight="1">
      <c r="A6" s="17" t="s">
        <v>9</v>
      </c>
      <c r="B6" s="17"/>
      <c r="C6" s="13">
        <v>128</v>
      </c>
      <c r="D6" s="19">
        <v>67</v>
      </c>
      <c r="E6" s="19">
        <v>61</v>
      </c>
      <c r="F6" s="19"/>
      <c r="G6" s="18" t="s">
        <v>10</v>
      </c>
      <c r="H6" s="17"/>
      <c r="I6" s="13">
        <v>384</v>
      </c>
      <c r="J6" s="19">
        <v>196</v>
      </c>
      <c r="K6" s="19">
        <v>188</v>
      </c>
    </row>
    <row r="7" spans="1:11" ht="15" customHeight="1">
      <c r="A7" s="17" t="s">
        <v>11</v>
      </c>
      <c r="B7" s="17"/>
      <c r="C7" s="13">
        <v>164</v>
      </c>
      <c r="D7" s="19">
        <v>85</v>
      </c>
      <c r="E7" s="19">
        <v>79</v>
      </c>
      <c r="F7" s="19"/>
      <c r="G7" s="18" t="s">
        <v>12</v>
      </c>
      <c r="H7" s="17"/>
      <c r="I7" s="13">
        <v>436</v>
      </c>
      <c r="J7" s="19">
        <v>216</v>
      </c>
      <c r="K7" s="19">
        <v>220</v>
      </c>
    </row>
    <row r="8" spans="1:11" ht="15" customHeight="1">
      <c r="A8" s="17" t="s">
        <v>13</v>
      </c>
      <c r="B8" s="17"/>
      <c r="C8" s="13">
        <v>171</v>
      </c>
      <c r="D8" s="19">
        <v>84</v>
      </c>
      <c r="E8" s="19">
        <v>87</v>
      </c>
      <c r="F8" s="19"/>
      <c r="G8" s="18" t="s">
        <v>14</v>
      </c>
      <c r="H8" s="17"/>
      <c r="I8" s="13">
        <v>444</v>
      </c>
      <c r="J8" s="19">
        <v>237</v>
      </c>
      <c r="K8" s="19">
        <v>207</v>
      </c>
    </row>
    <row r="9" spans="1:11" ht="15" customHeight="1">
      <c r="A9" s="17" t="s">
        <v>15</v>
      </c>
      <c r="B9" s="17"/>
      <c r="C9" s="13">
        <v>201</v>
      </c>
      <c r="D9" s="19">
        <v>105</v>
      </c>
      <c r="E9" s="19">
        <v>96</v>
      </c>
      <c r="F9" s="19"/>
      <c r="G9" s="18" t="s">
        <v>16</v>
      </c>
      <c r="H9" s="17"/>
      <c r="I9" s="13">
        <v>333</v>
      </c>
      <c r="J9" s="19">
        <v>160</v>
      </c>
      <c r="K9" s="19">
        <v>173</v>
      </c>
    </row>
    <row r="10" spans="1:11" ht="15" customHeight="1">
      <c r="A10" s="17" t="s">
        <v>17</v>
      </c>
      <c r="B10" s="17"/>
      <c r="C10" s="13">
        <v>157</v>
      </c>
      <c r="D10" s="19">
        <v>79</v>
      </c>
      <c r="E10" s="19">
        <v>78</v>
      </c>
      <c r="F10" s="19"/>
      <c r="G10" s="18" t="s">
        <v>18</v>
      </c>
      <c r="H10" s="17"/>
      <c r="I10" s="13">
        <v>442</v>
      </c>
      <c r="J10" s="19">
        <v>228</v>
      </c>
      <c r="K10" s="19">
        <v>214</v>
      </c>
    </row>
    <row r="11" spans="1:11" ht="20.100000000000001" customHeight="1">
      <c r="A11" s="17" t="s">
        <v>19</v>
      </c>
      <c r="B11" s="17"/>
      <c r="C11" s="13">
        <v>935</v>
      </c>
      <c r="D11" s="14">
        <v>478</v>
      </c>
      <c r="E11" s="14">
        <v>457</v>
      </c>
      <c r="F11" s="14"/>
      <c r="G11" s="18" t="s">
        <v>20</v>
      </c>
      <c r="H11" s="17"/>
      <c r="I11" s="13">
        <v>1791</v>
      </c>
      <c r="J11" s="14">
        <v>860</v>
      </c>
      <c r="K11" s="14">
        <v>931</v>
      </c>
    </row>
    <row r="12" spans="1:11" ht="15" customHeight="1">
      <c r="A12" s="17" t="s">
        <v>21</v>
      </c>
      <c r="B12" s="17"/>
      <c r="C12" s="13">
        <v>166</v>
      </c>
      <c r="D12" s="19">
        <v>90</v>
      </c>
      <c r="E12" s="19">
        <v>76</v>
      </c>
      <c r="F12" s="19"/>
      <c r="G12" s="18" t="s">
        <v>22</v>
      </c>
      <c r="H12" s="17"/>
      <c r="I12" s="13">
        <v>400</v>
      </c>
      <c r="J12" s="19">
        <v>193</v>
      </c>
      <c r="K12" s="19">
        <v>207</v>
      </c>
    </row>
    <row r="13" spans="1:11" ht="15" customHeight="1">
      <c r="A13" s="17" t="s">
        <v>23</v>
      </c>
      <c r="B13" s="17"/>
      <c r="C13" s="13">
        <v>190</v>
      </c>
      <c r="D13" s="19">
        <v>81</v>
      </c>
      <c r="E13" s="19">
        <v>109</v>
      </c>
      <c r="F13" s="19"/>
      <c r="G13" s="18" t="s">
        <v>24</v>
      </c>
      <c r="H13" s="17"/>
      <c r="I13" s="13">
        <v>344</v>
      </c>
      <c r="J13" s="19">
        <v>163</v>
      </c>
      <c r="K13" s="19">
        <v>181</v>
      </c>
    </row>
    <row r="14" spans="1:11" ht="15" customHeight="1">
      <c r="A14" s="17" t="s">
        <v>25</v>
      </c>
      <c r="B14" s="17"/>
      <c r="C14" s="13">
        <v>185</v>
      </c>
      <c r="D14" s="19">
        <v>103</v>
      </c>
      <c r="E14" s="19">
        <v>82</v>
      </c>
      <c r="F14" s="19"/>
      <c r="G14" s="18" t="s">
        <v>26</v>
      </c>
      <c r="H14" s="17"/>
      <c r="I14" s="13">
        <v>369</v>
      </c>
      <c r="J14" s="19">
        <v>186</v>
      </c>
      <c r="K14" s="19">
        <v>183</v>
      </c>
    </row>
    <row r="15" spans="1:11" ht="15" customHeight="1">
      <c r="A15" s="17" t="s">
        <v>27</v>
      </c>
      <c r="B15" s="17"/>
      <c r="C15" s="13">
        <v>191</v>
      </c>
      <c r="D15" s="19">
        <v>90</v>
      </c>
      <c r="E15" s="19">
        <v>101</v>
      </c>
      <c r="F15" s="19"/>
      <c r="G15" s="18" t="s">
        <v>28</v>
      </c>
      <c r="H15" s="17"/>
      <c r="I15" s="13">
        <v>329</v>
      </c>
      <c r="J15" s="19">
        <v>149</v>
      </c>
      <c r="K15" s="19">
        <v>180</v>
      </c>
    </row>
    <row r="16" spans="1:11" ht="15" customHeight="1">
      <c r="A16" s="17" t="s">
        <v>29</v>
      </c>
      <c r="B16" s="17"/>
      <c r="C16" s="13">
        <v>203</v>
      </c>
      <c r="D16" s="19">
        <v>114</v>
      </c>
      <c r="E16" s="19">
        <v>89</v>
      </c>
      <c r="F16" s="19"/>
      <c r="G16" s="18" t="s">
        <v>30</v>
      </c>
      <c r="H16" s="17"/>
      <c r="I16" s="13">
        <v>349</v>
      </c>
      <c r="J16" s="19">
        <v>169</v>
      </c>
      <c r="K16" s="19">
        <v>180</v>
      </c>
    </row>
    <row r="17" spans="1:11" ht="20.100000000000001" customHeight="1">
      <c r="A17" s="20" t="s">
        <v>31</v>
      </c>
      <c r="B17" s="20"/>
      <c r="C17" s="13">
        <v>1096</v>
      </c>
      <c r="D17" s="14">
        <v>558</v>
      </c>
      <c r="E17" s="14">
        <v>538</v>
      </c>
      <c r="F17" s="14"/>
      <c r="G17" s="18" t="s">
        <v>32</v>
      </c>
      <c r="H17" s="17"/>
      <c r="I17" s="13">
        <v>1777</v>
      </c>
      <c r="J17" s="14">
        <v>882</v>
      </c>
      <c r="K17" s="14">
        <v>895</v>
      </c>
    </row>
    <row r="18" spans="1:11" ht="15" customHeight="1">
      <c r="A18" s="17" t="s">
        <v>33</v>
      </c>
      <c r="B18" s="17"/>
      <c r="C18" s="13">
        <v>223</v>
      </c>
      <c r="D18" s="19">
        <v>105</v>
      </c>
      <c r="E18" s="19">
        <v>118</v>
      </c>
      <c r="F18" s="19"/>
      <c r="G18" s="18" t="s">
        <v>34</v>
      </c>
      <c r="H18" s="17"/>
      <c r="I18" s="13">
        <v>363</v>
      </c>
      <c r="J18" s="19">
        <v>183</v>
      </c>
      <c r="K18" s="19">
        <v>180</v>
      </c>
    </row>
    <row r="19" spans="1:11" ht="15" customHeight="1">
      <c r="A19" s="17" t="s">
        <v>35</v>
      </c>
      <c r="B19" s="17"/>
      <c r="C19" s="13">
        <v>182</v>
      </c>
      <c r="D19" s="19">
        <v>99</v>
      </c>
      <c r="E19" s="19">
        <v>83</v>
      </c>
      <c r="F19" s="19"/>
      <c r="G19" s="18" t="s">
        <v>36</v>
      </c>
      <c r="H19" s="17"/>
      <c r="I19" s="13">
        <v>380</v>
      </c>
      <c r="J19" s="19">
        <v>190</v>
      </c>
      <c r="K19" s="19">
        <v>190</v>
      </c>
    </row>
    <row r="20" spans="1:11" ht="15" customHeight="1">
      <c r="A20" s="17" t="s">
        <v>37</v>
      </c>
      <c r="B20" s="17"/>
      <c r="C20" s="13">
        <v>229</v>
      </c>
      <c r="D20" s="19">
        <v>116</v>
      </c>
      <c r="E20" s="19">
        <v>113</v>
      </c>
      <c r="F20" s="19"/>
      <c r="G20" s="18" t="s">
        <v>38</v>
      </c>
      <c r="H20" s="17"/>
      <c r="I20" s="13">
        <v>282</v>
      </c>
      <c r="J20" s="19">
        <v>147</v>
      </c>
      <c r="K20" s="19">
        <v>135</v>
      </c>
    </row>
    <row r="21" spans="1:11" ht="15" customHeight="1">
      <c r="A21" s="17" t="s">
        <v>39</v>
      </c>
      <c r="B21" s="17"/>
      <c r="C21" s="13">
        <v>229</v>
      </c>
      <c r="D21" s="19">
        <v>122</v>
      </c>
      <c r="E21" s="19">
        <v>107</v>
      </c>
      <c r="F21" s="19"/>
      <c r="G21" s="18" t="s">
        <v>40</v>
      </c>
      <c r="H21" s="17"/>
      <c r="I21" s="13">
        <v>372</v>
      </c>
      <c r="J21" s="19">
        <v>174</v>
      </c>
      <c r="K21" s="19">
        <v>198</v>
      </c>
    </row>
    <row r="22" spans="1:11" ht="15" customHeight="1">
      <c r="A22" s="17" t="s">
        <v>41</v>
      </c>
      <c r="B22" s="17"/>
      <c r="C22" s="13">
        <v>233</v>
      </c>
      <c r="D22" s="19">
        <v>116</v>
      </c>
      <c r="E22" s="19">
        <v>117</v>
      </c>
      <c r="F22" s="19"/>
      <c r="G22" s="18" t="s">
        <v>42</v>
      </c>
      <c r="H22" s="17"/>
      <c r="I22" s="13">
        <v>380</v>
      </c>
      <c r="J22" s="19">
        <v>188</v>
      </c>
      <c r="K22" s="19">
        <v>192</v>
      </c>
    </row>
    <row r="23" spans="1:11" ht="20.100000000000001" customHeight="1">
      <c r="A23" s="17" t="s">
        <v>43</v>
      </c>
      <c r="B23" s="17"/>
      <c r="C23" s="13">
        <v>1240</v>
      </c>
      <c r="D23" s="14">
        <v>621</v>
      </c>
      <c r="E23" s="14">
        <v>619</v>
      </c>
      <c r="F23" s="14"/>
      <c r="G23" s="18" t="s">
        <v>44</v>
      </c>
      <c r="H23" s="17"/>
      <c r="I23" s="13">
        <v>1936</v>
      </c>
      <c r="J23" s="14">
        <v>899</v>
      </c>
      <c r="K23" s="14">
        <v>1037</v>
      </c>
    </row>
    <row r="24" spans="1:11" ht="15" customHeight="1">
      <c r="A24" s="17" t="s">
        <v>45</v>
      </c>
      <c r="B24" s="17"/>
      <c r="C24" s="13">
        <v>230</v>
      </c>
      <c r="D24" s="19">
        <v>115</v>
      </c>
      <c r="E24" s="19">
        <v>115</v>
      </c>
      <c r="F24" s="19"/>
      <c r="G24" s="18" t="s">
        <v>46</v>
      </c>
      <c r="H24" s="17"/>
      <c r="I24" s="13">
        <v>340</v>
      </c>
      <c r="J24" s="19">
        <v>164</v>
      </c>
      <c r="K24" s="19">
        <v>176</v>
      </c>
    </row>
    <row r="25" spans="1:11" ht="15" customHeight="1">
      <c r="A25" s="17" t="s">
        <v>47</v>
      </c>
      <c r="B25" s="17"/>
      <c r="C25" s="13">
        <v>246</v>
      </c>
      <c r="D25" s="19">
        <v>123</v>
      </c>
      <c r="E25" s="19">
        <v>123</v>
      </c>
      <c r="F25" s="19"/>
      <c r="G25" s="18" t="s">
        <v>48</v>
      </c>
      <c r="H25" s="17"/>
      <c r="I25" s="13">
        <v>345</v>
      </c>
      <c r="J25" s="19">
        <v>173</v>
      </c>
      <c r="K25" s="19">
        <v>172</v>
      </c>
    </row>
    <row r="26" spans="1:11" ht="15" customHeight="1">
      <c r="A26" s="17" t="s">
        <v>49</v>
      </c>
      <c r="B26" s="17"/>
      <c r="C26" s="13">
        <v>235</v>
      </c>
      <c r="D26" s="19">
        <v>117</v>
      </c>
      <c r="E26" s="19">
        <v>118</v>
      </c>
      <c r="F26" s="19"/>
      <c r="G26" s="18" t="s">
        <v>50</v>
      </c>
      <c r="H26" s="17"/>
      <c r="I26" s="13">
        <v>371</v>
      </c>
      <c r="J26" s="19">
        <v>173</v>
      </c>
      <c r="K26" s="19">
        <v>198</v>
      </c>
    </row>
    <row r="27" spans="1:11" ht="15" customHeight="1">
      <c r="A27" s="17" t="s">
        <v>51</v>
      </c>
      <c r="B27" s="17"/>
      <c r="C27" s="13">
        <v>266</v>
      </c>
      <c r="D27" s="19">
        <v>132</v>
      </c>
      <c r="E27" s="19">
        <v>134</v>
      </c>
      <c r="F27" s="19"/>
      <c r="G27" s="18" t="s">
        <v>52</v>
      </c>
      <c r="H27" s="17"/>
      <c r="I27" s="13">
        <v>411</v>
      </c>
      <c r="J27" s="19">
        <v>173</v>
      </c>
      <c r="K27" s="19">
        <v>238</v>
      </c>
    </row>
    <row r="28" spans="1:11" ht="15" customHeight="1">
      <c r="A28" s="17" t="s">
        <v>53</v>
      </c>
      <c r="B28" s="17"/>
      <c r="C28" s="13">
        <v>263</v>
      </c>
      <c r="D28" s="19">
        <v>134</v>
      </c>
      <c r="E28" s="19">
        <v>129</v>
      </c>
      <c r="F28" s="19"/>
      <c r="G28" s="18" t="s">
        <v>54</v>
      </c>
      <c r="H28" s="17"/>
      <c r="I28" s="13">
        <v>469</v>
      </c>
      <c r="J28" s="19">
        <v>216</v>
      </c>
      <c r="K28" s="19">
        <v>253</v>
      </c>
    </row>
    <row r="29" spans="1:11" ht="20.100000000000001" customHeight="1">
      <c r="A29" s="17" t="s">
        <v>55</v>
      </c>
      <c r="B29" s="17"/>
      <c r="C29" s="13">
        <v>1179</v>
      </c>
      <c r="D29" s="14">
        <v>596</v>
      </c>
      <c r="E29" s="14">
        <v>583</v>
      </c>
      <c r="F29" s="14"/>
      <c r="G29" s="18" t="s">
        <v>56</v>
      </c>
      <c r="H29" s="17"/>
      <c r="I29" s="13">
        <v>2453</v>
      </c>
      <c r="J29" s="14">
        <v>1158</v>
      </c>
      <c r="K29" s="14">
        <v>1295</v>
      </c>
    </row>
    <row r="30" spans="1:11" ht="15" customHeight="1">
      <c r="A30" s="17" t="s">
        <v>57</v>
      </c>
      <c r="B30" s="17"/>
      <c r="C30" s="13">
        <v>245</v>
      </c>
      <c r="D30" s="19">
        <v>117</v>
      </c>
      <c r="E30" s="19">
        <v>128</v>
      </c>
      <c r="F30" s="19"/>
      <c r="G30" s="18" t="s">
        <v>58</v>
      </c>
      <c r="H30" s="17"/>
      <c r="I30" s="13">
        <v>566</v>
      </c>
      <c r="J30" s="19">
        <v>270</v>
      </c>
      <c r="K30" s="19">
        <v>296</v>
      </c>
    </row>
    <row r="31" spans="1:11" ht="15" customHeight="1">
      <c r="A31" s="17" t="s">
        <v>59</v>
      </c>
      <c r="B31" s="17"/>
      <c r="C31" s="13">
        <v>253</v>
      </c>
      <c r="D31" s="19">
        <v>149</v>
      </c>
      <c r="E31" s="19">
        <v>104</v>
      </c>
      <c r="F31" s="19"/>
      <c r="G31" s="18" t="s">
        <v>60</v>
      </c>
      <c r="H31" s="17"/>
      <c r="I31" s="13">
        <v>561</v>
      </c>
      <c r="J31" s="19">
        <v>247</v>
      </c>
      <c r="K31" s="19">
        <v>314</v>
      </c>
    </row>
    <row r="32" spans="1:11" ht="15" customHeight="1">
      <c r="A32" s="17" t="s">
        <v>61</v>
      </c>
      <c r="B32" s="17"/>
      <c r="C32" s="13">
        <v>238</v>
      </c>
      <c r="D32" s="19">
        <v>110</v>
      </c>
      <c r="E32" s="19">
        <v>128</v>
      </c>
      <c r="F32" s="19"/>
      <c r="G32" s="18" t="s">
        <v>62</v>
      </c>
      <c r="H32" s="17"/>
      <c r="I32" s="13">
        <v>556</v>
      </c>
      <c r="J32" s="19">
        <v>265</v>
      </c>
      <c r="K32" s="19">
        <v>291</v>
      </c>
    </row>
    <row r="33" spans="1:11" ht="15" customHeight="1">
      <c r="A33" s="17" t="s">
        <v>63</v>
      </c>
      <c r="B33" s="17"/>
      <c r="C33" s="13">
        <v>221</v>
      </c>
      <c r="D33" s="19">
        <v>111</v>
      </c>
      <c r="E33" s="19">
        <v>110</v>
      </c>
      <c r="F33" s="19"/>
      <c r="G33" s="18" t="s">
        <v>64</v>
      </c>
      <c r="H33" s="17"/>
      <c r="I33" s="13">
        <v>387</v>
      </c>
      <c r="J33" s="19">
        <v>192</v>
      </c>
      <c r="K33" s="19">
        <v>195</v>
      </c>
    </row>
    <row r="34" spans="1:11" ht="15" customHeight="1">
      <c r="A34" s="17" t="s">
        <v>65</v>
      </c>
      <c r="B34" s="17"/>
      <c r="C34" s="13">
        <v>222</v>
      </c>
      <c r="D34" s="19">
        <v>109</v>
      </c>
      <c r="E34" s="19">
        <v>113</v>
      </c>
      <c r="F34" s="19"/>
      <c r="G34" s="18" t="s">
        <v>66</v>
      </c>
      <c r="H34" s="17"/>
      <c r="I34" s="13">
        <v>383</v>
      </c>
      <c r="J34" s="19">
        <v>184</v>
      </c>
      <c r="K34" s="19">
        <v>199</v>
      </c>
    </row>
    <row r="35" spans="1:11" ht="20.100000000000001" customHeight="1">
      <c r="A35" s="17" t="s">
        <v>67</v>
      </c>
      <c r="B35" s="17"/>
      <c r="C35" s="13">
        <v>900</v>
      </c>
      <c r="D35" s="14">
        <v>426</v>
      </c>
      <c r="E35" s="14">
        <v>474</v>
      </c>
      <c r="F35" s="14"/>
      <c r="G35" s="18" t="s">
        <v>68</v>
      </c>
      <c r="H35" s="17"/>
      <c r="I35" s="13">
        <v>2143</v>
      </c>
      <c r="J35" s="14">
        <v>992</v>
      </c>
      <c r="K35" s="14">
        <v>1151</v>
      </c>
    </row>
    <row r="36" spans="1:11" ht="15" customHeight="1">
      <c r="A36" s="17" t="s">
        <v>69</v>
      </c>
      <c r="B36" s="17"/>
      <c r="C36" s="13">
        <v>160</v>
      </c>
      <c r="D36" s="19">
        <v>84</v>
      </c>
      <c r="E36" s="19">
        <v>76</v>
      </c>
      <c r="F36" s="19"/>
      <c r="G36" s="18" t="s">
        <v>70</v>
      </c>
      <c r="H36" s="17"/>
      <c r="I36" s="13">
        <v>455</v>
      </c>
      <c r="J36" s="19">
        <v>201</v>
      </c>
      <c r="K36" s="19">
        <v>254</v>
      </c>
    </row>
    <row r="37" spans="1:11" ht="15" customHeight="1">
      <c r="A37" s="17" t="s">
        <v>71</v>
      </c>
      <c r="B37" s="17"/>
      <c r="C37" s="13">
        <v>181</v>
      </c>
      <c r="D37" s="19">
        <v>82</v>
      </c>
      <c r="E37" s="19">
        <v>99</v>
      </c>
      <c r="F37" s="19"/>
      <c r="G37" s="18" t="s">
        <v>72</v>
      </c>
      <c r="H37" s="17"/>
      <c r="I37" s="13">
        <v>460</v>
      </c>
      <c r="J37" s="19">
        <v>218</v>
      </c>
      <c r="K37" s="19">
        <v>242</v>
      </c>
    </row>
    <row r="38" spans="1:11" ht="15" customHeight="1">
      <c r="A38" s="17" t="s">
        <v>73</v>
      </c>
      <c r="B38" s="17"/>
      <c r="C38" s="13">
        <v>196</v>
      </c>
      <c r="D38" s="19">
        <v>90</v>
      </c>
      <c r="E38" s="19">
        <v>106</v>
      </c>
      <c r="F38" s="19"/>
      <c r="G38" s="18" t="s">
        <v>74</v>
      </c>
      <c r="H38" s="17"/>
      <c r="I38" s="13">
        <v>432</v>
      </c>
      <c r="J38" s="19">
        <v>202</v>
      </c>
      <c r="K38" s="19">
        <v>230</v>
      </c>
    </row>
    <row r="39" spans="1:11" ht="15" customHeight="1">
      <c r="A39" s="17" t="s">
        <v>75</v>
      </c>
      <c r="B39" s="17"/>
      <c r="C39" s="13">
        <v>162</v>
      </c>
      <c r="D39" s="19">
        <v>90</v>
      </c>
      <c r="E39" s="19">
        <v>72</v>
      </c>
      <c r="F39" s="19"/>
      <c r="G39" s="18" t="s">
        <v>76</v>
      </c>
      <c r="H39" s="17"/>
      <c r="I39" s="13">
        <v>396</v>
      </c>
      <c r="J39" s="19">
        <v>182</v>
      </c>
      <c r="K39" s="19">
        <v>214</v>
      </c>
    </row>
    <row r="40" spans="1:11" ht="15" customHeight="1">
      <c r="A40" s="17" t="s">
        <v>77</v>
      </c>
      <c r="B40" s="17"/>
      <c r="C40" s="13">
        <v>201</v>
      </c>
      <c r="D40" s="19">
        <v>80</v>
      </c>
      <c r="E40" s="19">
        <v>121</v>
      </c>
      <c r="F40" s="19"/>
      <c r="G40" s="18" t="s">
        <v>78</v>
      </c>
      <c r="H40" s="17"/>
      <c r="I40" s="13">
        <v>400</v>
      </c>
      <c r="J40" s="19">
        <v>189</v>
      </c>
      <c r="K40" s="19">
        <v>211</v>
      </c>
    </row>
    <row r="41" spans="1:11" ht="20.100000000000001" customHeight="1">
      <c r="A41" s="17" t="s">
        <v>79</v>
      </c>
      <c r="B41" s="17"/>
      <c r="C41" s="13">
        <v>1077</v>
      </c>
      <c r="D41" s="14">
        <v>552</v>
      </c>
      <c r="E41" s="14">
        <v>525</v>
      </c>
      <c r="F41" s="14"/>
      <c r="G41" s="18" t="s">
        <v>80</v>
      </c>
      <c r="H41" s="17"/>
      <c r="I41" s="13">
        <v>1548</v>
      </c>
      <c r="J41" s="14">
        <v>688</v>
      </c>
      <c r="K41" s="14">
        <v>860</v>
      </c>
    </row>
    <row r="42" spans="1:11" ht="15" customHeight="1">
      <c r="A42" s="17" t="s">
        <v>81</v>
      </c>
      <c r="B42" s="17"/>
      <c r="C42" s="13">
        <v>190</v>
      </c>
      <c r="D42" s="19">
        <v>113</v>
      </c>
      <c r="E42" s="19">
        <v>77</v>
      </c>
      <c r="F42" s="19"/>
      <c r="G42" s="18" t="s">
        <v>82</v>
      </c>
      <c r="H42" s="17"/>
      <c r="I42" s="13">
        <v>340</v>
      </c>
      <c r="J42" s="19">
        <v>163</v>
      </c>
      <c r="K42" s="19">
        <v>177</v>
      </c>
    </row>
    <row r="43" spans="1:11" ht="15" customHeight="1">
      <c r="A43" s="17" t="s">
        <v>83</v>
      </c>
      <c r="B43" s="17"/>
      <c r="C43" s="13">
        <v>222</v>
      </c>
      <c r="D43" s="19">
        <v>109</v>
      </c>
      <c r="E43" s="19">
        <v>113</v>
      </c>
      <c r="F43" s="19"/>
      <c r="G43" s="18" t="s">
        <v>84</v>
      </c>
      <c r="H43" s="17"/>
      <c r="I43" s="13">
        <v>307</v>
      </c>
      <c r="J43" s="19">
        <v>127</v>
      </c>
      <c r="K43" s="19">
        <v>180</v>
      </c>
    </row>
    <row r="44" spans="1:11" ht="15" customHeight="1">
      <c r="A44" s="17" t="s">
        <v>85</v>
      </c>
      <c r="B44" s="17"/>
      <c r="C44" s="13">
        <v>243</v>
      </c>
      <c r="D44" s="19">
        <v>119</v>
      </c>
      <c r="E44" s="19">
        <v>124</v>
      </c>
      <c r="F44" s="19"/>
      <c r="G44" s="18" t="s">
        <v>86</v>
      </c>
      <c r="H44" s="17"/>
      <c r="I44" s="13">
        <v>330</v>
      </c>
      <c r="J44" s="19">
        <v>131</v>
      </c>
      <c r="K44" s="19">
        <v>199</v>
      </c>
    </row>
    <row r="45" spans="1:11" ht="15" customHeight="1">
      <c r="A45" s="17" t="s">
        <v>87</v>
      </c>
      <c r="B45" s="17"/>
      <c r="C45" s="13">
        <v>216</v>
      </c>
      <c r="D45" s="19">
        <v>110</v>
      </c>
      <c r="E45" s="19">
        <v>106</v>
      </c>
      <c r="F45" s="19"/>
      <c r="G45" s="18" t="s">
        <v>88</v>
      </c>
      <c r="H45" s="17"/>
      <c r="I45" s="13">
        <v>290</v>
      </c>
      <c r="J45" s="19">
        <v>134</v>
      </c>
      <c r="K45" s="19">
        <v>156</v>
      </c>
    </row>
    <row r="46" spans="1:11" ht="15" customHeight="1">
      <c r="A46" s="17" t="s">
        <v>89</v>
      </c>
      <c r="B46" s="17"/>
      <c r="C46" s="13">
        <v>206</v>
      </c>
      <c r="D46" s="19">
        <v>101</v>
      </c>
      <c r="E46" s="19">
        <v>105</v>
      </c>
      <c r="F46" s="19"/>
      <c r="G46" s="18" t="s">
        <v>90</v>
      </c>
      <c r="H46" s="17"/>
      <c r="I46" s="13">
        <v>281</v>
      </c>
      <c r="J46" s="19">
        <v>133</v>
      </c>
      <c r="K46" s="19">
        <v>148</v>
      </c>
    </row>
    <row r="47" spans="1:11" ht="20.100000000000001" customHeight="1">
      <c r="A47" s="17" t="s">
        <v>91</v>
      </c>
      <c r="B47" s="17"/>
      <c r="C47" s="13">
        <v>1374</v>
      </c>
      <c r="D47" s="14">
        <v>698</v>
      </c>
      <c r="E47" s="14">
        <v>676</v>
      </c>
      <c r="F47" s="14"/>
      <c r="G47" s="18" t="s">
        <v>92</v>
      </c>
      <c r="H47" s="17"/>
      <c r="I47" s="13">
        <v>938</v>
      </c>
      <c r="J47" s="14">
        <v>370</v>
      </c>
      <c r="K47" s="14">
        <v>568</v>
      </c>
    </row>
    <row r="48" spans="1:11" ht="15" customHeight="1">
      <c r="A48" s="17" t="s">
        <v>93</v>
      </c>
      <c r="B48" s="17"/>
      <c r="C48" s="13">
        <v>218</v>
      </c>
      <c r="D48" s="19">
        <v>103</v>
      </c>
      <c r="E48" s="19">
        <v>115</v>
      </c>
      <c r="F48" s="19"/>
      <c r="G48" s="18" t="s">
        <v>94</v>
      </c>
      <c r="H48" s="17"/>
      <c r="I48" s="13">
        <v>213</v>
      </c>
      <c r="J48" s="19">
        <v>79</v>
      </c>
      <c r="K48" s="19">
        <v>134</v>
      </c>
    </row>
    <row r="49" spans="1:11" ht="15" customHeight="1">
      <c r="A49" s="17" t="s">
        <v>95</v>
      </c>
      <c r="B49" s="17"/>
      <c r="C49" s="13">
        <v>263</v>
      </c>
      <c r="D49" s="19">
        <v>124</v>
      </c>
      <c r="E49" s="19">
        <v>139</v>
      </c>
      <c r="F49" s="19"/>
      <c r="G49" s="18" t="s">
        <v>96</v>
      </c>
      <c r="H49" s="17"/>
      <c r="I49" s="13">
        <v>238</v>
      </c>
      <c r="J49" s="19">
        <v>100</v>
      </c>
      <c r="K49" s="19">
        <v>138</v>
      </c>
    </row>
    <row r="50" spans="1:11" ht="15" customHeight="1">
      <c r="A50" s="17" t="s">
        <v>97</v>
      </c>
      <c r="B50" s="17"/>
      <c r="C50" s="13">
        <v>270</v>
      </c>
      <c r="D50" s="19">
        <v>138</v>
      </c>
      <c r="E50" s="19">
        <v>132</v>
      </c>
      <c r="F50" s="19"/>
      <c r="G50" s="18" t="s">
        <v>98</v>
      </c>
      <c r="H50" s="17"/>
      <c r="I50" s="13">
        <v>197</v>
      </c>
      <c r="J50" s="19">
        <v>71</v>
      </c>
      <c r="K50" s="19">
        <v>126</v>
      </c>
    </row>
    <row r="51" spans="1:11" ht="15" customHeight="1">
      <c r="A51" s="17" t="s">
        <v>99</v>
      </c>
      <c r="B51" s="17"/>
      <c r="C51" s="13">
        <v>315</v>
      </c>
      <c r="D51" s="19">
        <v>176</v>
      </c>
      <c r="E51" s="19">
        <v>139</v>
      </c>
      <c r="F51" s="19"/>
      <c r="G51" s="18" t="s">
        <v>100</v>
      </c>
      <c r="H51" s="17"/>
      <c r="I51" s="13">
        <v>159</v>
      </c>
      <c r="J51" s="19">
        <v>74</v>
      </c>
      <c r="K51" s="19">
        <v>85</v>
      </c>
    </row>
    <row r="52" spans="1:11" ht="15" customHeight="1">
      <c r="A52" s="17" t="s">
        <v>101</v>
      </c>
      <c r="B52" s="17"/>
      <c r="C52" s="13">
        <v>308</v>
      </c>
      <c r="D52" s="19">
        <v>157</v>
      </c>
      <c r="E52" s="19">
        <v>151</v>
      </c>
      <c r="F52" s="19"/>
      <c r="G52" s="18" t="s">
        <v>102</v>
      </c>
      <c r="H52" s="17"/>
      <c r="I52" s="13">
        <v>131</v>
      </c>
      <c r="J52" s="19">
        <v>46</v>
      </c>
      <c r="K52" s="19">
        <v>85</v>
      </c>
    </row>
    <row r="53" spans="1:11" ht="20.100000000000001" customHeight="1">
      <c r="A53" s="17" t="s">
        <v>103</v>
      </c>
      <c r="B53" s="17"/>
      <c r="C53" s="13">
        <v>1696</v>
      </c>
      <c r="D53" s="14">
        <v>844</v>
      </c>
      <c r="E53" s="14">
        <v>852</v>
      </c>
      <c r="F53" s="14"/>
      <c r="G53" s="18" t="s">
        <v>104</v>
      </c>
      <c r="H53" s="17"/>
      <c r="I53" s="13">
        <v>453</v>
      </c>
      <c r="J53" s="14">
        <v>136</v>
      </c>
      <c r="K53" s="14">
        <v>317</v>
      </c>
    </row>
    <row r="54" spans="1:11" ht="15" customHeight="1">
      <c r="A54" s="17" t="s">
        <v>105</v>
      </c>
      <c r="B54" s="17"/>
      <c r="C54" s="13">
        <v>302</v>
      </c>
      <c r="D54" s="19">
        <v>141</v>
      </c>
      <c r="E54" s="19">
        <v>161</v>
      </c>
      <c r="F54" s="19"/>
      <c r="G54" s="18" t="s">
        <v>106</v>
      </c>
      <c r="H54" s="17"/>
      <c r="I54" s="13">
        <v>112</v>
      </c>
      <c r="J54" s="19">
        <v>39</v>
      </c>
      <c r="K54" s="19">
        <v>73</v>
      </c>
    </row>
    <row r="55" spans="1:11" ht="15" customHeight="1">
      <c r="A55" s="17" t="s">
        <v>107</v>
      </c>
      <c r="B55" s="17"/>
      <c r="C55" s="13">
        <v>333</v>
      </c>
      <c r="D55" s="19">
        <v>186</v>
      </c>
      <c r="E55" s="19">
        <v>147</v>
      </c>
      <c r="F55" s="19"/>
      <c r="G55" s="18" t="s">
        <v>108</v>
      </c>
      <c r="H55" s="17"/>
      <c r="I55" s="13">
        <v>126</v>
      </c>
      <c r="J55" s="19">
        <v>37</v>
      </c>
      <c r="K55" s="19">
        <v>89</v>
      </c>
    </row>
    <row r="56" spans="1:11" ht="15" customHeight="1">
      <c r="A56" s="17" t="s">
        <v>109</v>
      </c>
      <c r="B56" s="17"/>
      <c r="C56" s="13">
        <v>344</v>
      </c>
      <c r="D56" s="19">
        <v>157</v>
      </c>
      <c r="E56" s="19">
        <v>187</v>
      </c>
      <c r="F56" s="19"/>
      <c r="G56" s="18" t="s">
        <v>110</v>
      </c>
      <c r="H56" s="17"/>
      <c r="I56" s="13">
        <v>90</v>
      </c>
      <c r="J56" s="19">
        <v>30</v>
      </c>
      <c r="K56" s="19">
        <v>60</v>
      </c>
    </row>
    <row r="57" spans="1:11" ht="15" customHeight="1">
      <c r="A57" s="17" t="s">
        <v>111</v>
      </c>
      <c r="B57" s="17"/>
      <c r="C57" s="13">
        <v>344</v>
      </c>
      <c r="D57" s="19">
        <v>160</v>
      </c>
      <c r="E57" s="19">
        <v>184</v>
      </c>
      <c r="F57" s="19"/>
      <c r="G57" s="18" t="s">
        <v>112</v>
      </c>
      <c r="H57" s="17"/>
      <c r="I57" s="13">
        <v>69</v>
      </c>
      <c r="J57" s="19">
        <v>20</v>
      </c>
      <c r="K57" s="19">
        <v>49</v>
      </c>
    </row>
    <row r="58" spans="1:11" ht="15" customHeight="1">
      <c r="A58" s="17" t="s">
        <v>113</v>
      </c>
      <c r="B58" s="17"/>
      <c r="C58" s="13">
        <v>373</v>
      </c>
      <c r="D58" s="19">
        <v>200</v>
      </c>
      <c r="E58" s="19">
        <v>173</v>
      </c>
      <c r="F58" s="19"/>
      <c r="G58" s="18" t="s">
        <v>114</v>
      </c>
      <c r="H58" s="17"/>
      <c r="I58" s="13">
        <v>56</v>
      </c>
      <c r="J58" s="19">
        <v>10</v>
      </c>
      <c r="K58" s="19">
        <v>46</v>
      </c>
    </row>
    <row r="59" spans="1:11" ht="20.100000000000001" customHeight="1">
      <c r="A59" s="17" t="s">
        <v>115</v>
      </c>
      <c r="B59" s="17"/>
      <c r="C59" s="13">
        <v>2124</v>
      </c>
      <c r="D59" s="14">
        <v>1074</v>
      </c>
      <c r="E59" s="14">
        <v>1050</v>
      </c>
      <c r="F59" s="14"/>
      <c r="G59" s="18" t="s">
        <v>116</v>
      </c>
      <c r="H59" s="17"/>
      <c r="I59" s="13">
        <v>107</v>
      </c>
      <c r="J59" s="14">
        <v>31</v>
      </c>
      <c r="K59" s="14">
        <v>76</v>
      </c>
    </row>
    <row r="60" spans="1:11" ht="15" customHeight="1">
      <c r="A60" s="17" t="s">
        <v>117</v>
      </c>
      <c r="B60" s="17"/>
      <c r="C60" s="13">
        <v>418</v>
      </c>
      <c r="D60" s="19">
        <v>216</v>
      </c>
      <c r="E60" s="19">
        <v>202</v>
      </c>
      <c r="F60" s="19"/>
      <c r="G60" s="18" t="s">
        <v>118</v>
      </c>
      <c r="H60" s="17"/>
      <c r="I60" s="13">
        <v>34</v>
      </c>
      <c r="J60" s="19">
        <v>6</v>
      </c>
      <c r="K60" s="19">
        <v>28</v>
      </c>
    </row>
    <row r="61" spans="1:11" ht="15" customHeight="1">
      <c r="A61" s="17" t="s">
        <v>119</v>
      </c>
      <c r="B61" s="17"/>
      <c r="C61" s="13">
        <v>413</v>
      </c>
      <c r="D61" s="19">
        <v>210</v>
      </c>
      <c r="E61" s="19">
        <v>203</v>
      </c>
      <c r="F61" s="19"/>
      <c r="G61" s="18" t="s">
        <v>120</v>
      </c>
      <c r="H61" s="17"/>
      <c r="I61" s="13">
        <v>40</v>
      </c>
      <c r="J61" s="19">
        <v>17</v>
      </c>
      <c r="K61" s="19">
        <v>23</v>
      </c>
    </row>
    <row r="62" spans="1:11" ht="15" customHeight="1">
      <c r="A62" s="17" t="s">
        <v>121</v>
      </c>
      <c r="B62" s="17"/>
      <c r="C62" s="13">
        <v>396</v>
      </c>
      <c r="D62" s="19">
        <v>184</v>
      </c>
      <c r="E62" s="19">
        <v>212</v>
      </c>
      <c r="F62" s="19"/>
      <c r="G62" s="18" t="s">
        <v>122</v>
      </c>
      <c r="H62" s="17"/>
      <c r="I62" s="13">
        <v>20</v>
      </c>
      <c r="J62" s="19">
        <v>4</v>
      </c>
      <c r="K62" s="19">
        <v>16</v>
      </c>
    </row>
    <row r="63" spans="1:11" ht="15" customHeight="1">
      <c r="A63" s="17" t="s">
        <v>123</v>
      </c>
      <c r="B63" s="17"/>
      <c r="C63" s="13">
        <v>445</v>
      </c>
      <c r="D63" s="19">
        <v>225</v>
      </c>
      <c r="E63" s="19">
        <v>220</v>
      </c>
      <c r="F63" s="19"/>
      <c r="G63" s="18" t="s">
        <v>124</v>
      </c>
      <c r="H63" s="17"/>
      <c r="I63" s="13">
        <v>7</v>
      </c>
      <c r="J63" s="19">
        <v>2</v>
      </c>
      <c r="K63" s="19">
        <v>5</v>
      </c>
    </row>
    <row r="64" spans="1:11" ht="15" customHeight="1">
      <c r="A64" s="17" t="s">
        <v>125</v>
      </c>
      <c r="B64" s="17"/>
      <c r="C64" s="13">
        <v>452</v>
      </c>
      <c r="D64" s="19">
        <v>239</v>
      </c>
      <c r="E64" s="19">
        <v>213</v>
      </c>
      <c r="F64" s="19"/>
      <c r="G64" s="18" t="s">
        <v>126</v>
      </c>
      <c r="H64" s="17"/>
      <c r="I64" s="13">
        <v>6</v>
      </c>
      <c r="J64" s="19">
        <v>2</v>
      </c>
      <c r="K64" s="19">
        <v>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4</v>
      </c>
      <c r="J65" s="19">
        <v>5</v>
      </c>
      <c r="K65" s="19">
        <v>1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</v>
      </c>
      <c r="J66" s="29">
        <v>1</v>
      </c>
      <c r="K66" s="29">
        <v>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N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38290</v>
      </c>
      <c r="D4" s="14">
        <v>164410</v>
      </c>
      <c r="E4" s="14">
        <v>17388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451</v>
      </c>
      <c r="D5" s="14">
        <v>5394</v>
      </c>
      <c r="E5" s="14">
        <v>5057</v>
      </c>
      <c r="F5" s="14"/>
      <c r="G5" s="18" t="s">
        <v>8</v>
      </c>
      <c r="H5" s="17"/>
      <c r="I5" s="13">
        <v>24461</v>
      </c>
      <c r="J5" s="14">
        <v>12494</v>
      </c>
      <c r="K5" s="14">
        <v>11967</v>
      </c>
    </row>
    <row r="6" spans="1:11" ht="15" customHeight="1">
      <c r="A6" s="17" t="s">
        <v>9</v>
      </c>
      <c r="B6" s="17"/>
      <c r="C6" s="13">
        <v>1940</v>
      </c>
      <c r="D6" s="19">
        <v>989</v>
      </c>
      <c r="E6" s="19">
        <v>951</v>
      </c>
      <c r="F6" s="19"/>
      <c r="G6" s="18" t="s">
        <v>10</v>
      </c>
      <c r="H6" s="17"/>
      <c r="I6" s="13">
        <v>5174</v>
      </c>
      <c r="J6" s="19">
        <v>2610</v>
      </c>
      <c r="K6" s="19">
        <v>2564</v>
      </c>
    </row>
    <row r="7" spans="1:11" ht="15" customHeight="1">
      <c r="A7" s="17" t="s">
        <v>11</v>
      </c>
      <c r="B7" s="17"/>
      <c r="C7" s="13">
        <v>2022</v>
      </c>
      <c r="D7" s="19">
        <v>1048</v>
      </c>
      <c r="E7" s="19">
        <v>974</v>
      </c>
      <c r="F7" s="19"/>
      <c r="G7" s="18" t="s">
        <v>12</v>
      </c>
      <c r="H7" s="17"/>
      <c r="I7" s="13">
        <v>5018</v>
      </c>
      <c r="J7" s="19">
        <v>2621</v>
      </c>
      <c r="K7" s="19">
        <v>2397</v>
      </c>
    </row>
    <row r="8" spans="1:11" ht="15" customHeight="1">
      <c r="A8" s="17" t="s">
        <v>13</v>
      </c>
      <c r="B8" s="17"/>
      <c r="C8" s="13">
        <v>2096</v>
      </c>
      <c r="D8" s="19">
        <v>1072</v>
      </c>
      <c r="E8" s="19">
        <v>1024</v>
      </c>
      <c r="F8" s="19"/>
      <c r="G8" s="18" t="s">
        <v>14</v>
      </c>
      <c r="H8" s="17"/>
      <c r="I8" s="13">
        <v>5314</v>
      </c>
      <c r="J8" s="19">
        <v>2671</v>
      </c>
      <c r="K8" s="19">
        <v>2643</v>
      </c>
    </row>
    <row r="9" spans="1:11" ht="15" customHeight="1">
      <c r="A9" s="17" t="s">
        <v>15</v>
      </c>
      <c r="B9" s="17"/>
      <c r="C9" s="13">
        <v>2157</v>
      </c>
      <c r="D9" s="19">
        <v>1134</v>
      </c>
      <c r="E9" s="19">
        <v>1023</v>
      </c>
      <c r="F9" s="19"/>
      <c r="G9" s="18" t="s">
        <v>16</v>
      </c>
      <c r="H9" s="17"/>
      <c r="I9" s="13">
        <v>3771</v>
      </c>
      <c r="J9" s="19">
        <v>1920</v>
      </c>
      <c r="K9" s="19">
        <v>1851</v>
      </c>
    </row>
    <row r="10" spans="1:11" ht="15" customHeight="1">
      <c r="A10" s="17" t="s">
        <v>17</v>
      </c>
      <c r="B10" s="17"/>
      <c r="C10" s="13">
        <v>2236</v>
      </c>
      <c r="D10" s="19">
        <v>1151</v>
      </c>
      <c r="E10" s="19">
        <v>1085</v>
      </c>
      <c r="F10" s="19"/>
      <c r="G10" s="18" t="s">
        <v>18</v>
      </c>
      <c r="H10" s="17"/>
      <c r="I10" s="13">
        <v>5184</v>
      </c>
      <c r="J10" s="19">
        <v>2672</v>
      </c>
      <c r="K10" s="19">
        <v>2512</v>
      </c>
    </row>
    <row r="11" spans="1:11" ht="20.100000000000001" customHeight="1">
      <c r="A11" s="17" t="s">
        <v>19</v>
      </c>
      <c r="B11" s="17"/>
      <c r="C11" s="13">
        <v>12254</v>
      </c>
      <c r="D11" s="14">
        <v>6356</v>
      </c>
      <c r="E11" s="14">
        <v>5898</v>
      </c>
      <c r="F11" s="14"/>
      <c r="G11" s="18" t="s">
        <v>20</v>
      </c>
      <c r="H11" s="17"/>
      <c r="I11" s="13">
        <v>21591</v>
      </c>
      <c r="J11" s="14">
        <v>10953</v>
      </c>
      <c r="K11" s="14">
        <v>10638</v>
      </c>
    </row>
    <row r="12" spans="1:11" ht="15" customHeight="1">
      <c r="A12" s="17" t="s">
        <v>21</v>
      </c>
      <c r="B12" s="17"/>
      <c r="C12" s="13">
        <v>2219</v>
      </c>
      <c r="D12" s="19">
        <v>1159</v>
      </c>
      <c r="E12" s="19">
        <v>1060</v>
      </c>
      <c r="F12" s="19"/>
      <c r="G12" s="18" t="s">
        <v>22</v>
      </c>
      <c r="H12" s="17"/>
      <c r="I12" s="13">
        <v>4619</v>
      </c>
      <c r="J12" s="19">
        <v>2399</v>
      </c>
      <c r="K12" s="19">
        <v>2220</v>
      </c>
    </row>
    <row r="13" spans="1:11" ht="15" customHeight="1">
      <c r="A13" s="17" t="s">
        <v>23</v>
      </c>
      <c r="B13" s="17"/>
      <c r="C13" s="13">
        <v>2340</v>
      </c>
      <c r="D13" s="19">
        <v>1249</v>
      </c>
      <c r="E13" s="19">
        <v>1091</v>
      </c>
      <c r="F13" s="19"/>
      <c r="G13" s="18" t="s">
        <v>24</v>
      </c>
      <c r="H13" s="17"/>
      <c r="I13" s="13">
        <v>4539</v>
      </c>
      <c r="J13" s="19">
        <v>2299</v>
      </c>
      <c r="K13" s="19">
        <v>2240</v>
      </c>
    </row>
    <row r="14" spans="1:11" ht="15" customHeight="1">
      <c r="A14" s="17" t="s">
        <v>25</v>
      </c>
      <c r="B14" s="17"/>
      <c r="C14" s="13">
        <v>2541</v>
      </c>
      <c r="D14" s="19">
        <v>1284</v>
      </c>
      <c r="E14" s="19">
        <v>1257</v>
      </c>
      <c r="F14" s="19"/>
      <c r="G14" s="18" t="s">
        <v>26</v>
      </c>
      <c r="H14" s="17"/>
      <c r="I14" s="13">
        <v>4148</v>
      </c>
      <c r="J14" s="19">
        <v>2112</v>
      </c>
      <c r="K14" s="19">
        <v>2036</v>
      </c>
    </row>
    <row r="15" spans="1:11" ht="15" customHeight="1">
      <c r="A15" s="17" t="s">
        <v>27</v>
      </c>
      <c r="B15" s="17"/>
      <c r="C15" s="13">
        <v>2551</v>
      </c>
      <c r="D15" s="19">
        <v>1319</v>
      </c>
      <c r="E15" s="19">
        <v>1232</v>
      </c>
      <c r="F15" s="19"/>
      <c r="G15" s="18" t="s">
        <v>28</v>
      </c>
      <c r="H15" s="17"/>
      <c r="I15" s="13">
        <v>4175</v>
      </c>
      <c r="J15" s="19">
        <v>2074</v>
      </c>
      <c r="K15" s="19">
        <v>2101</v>
      </c>
    </row>
    <row r="16" spans="1:11" ht="15" customHeight="1">
      <c r="A16" s="17" t="s">
        <v>29</v>
      </c>
      <c r="B16" s="17"/>
      <c r="C16" s="13">
        <v>2603</v>
      </c>
      <c r="D16" s="19">
        <v>1345</v>
      </c>
      <c r="E16" s="19">
        <v>1258</v>
      </c>
      <c r="F16" s="19"/>
      <c r="G16" s="18" t="s">
        <v>30</v>
      </c>
      <c r="H16" s="17"/>
      <c r="I16" s="13">
        <v>4110</v>
      </c>
      <c r="J16" s="19">
        <v>2069</v>
      </c>
      <c r="K16" s="19">
        <v>2041</v>
      </c>
    </row>
    <row r="17" spans="1:11" ht="20.100000000000001" customHeight="1">
      <c r="A17" s="20" t="s">
        <v>31</v>
      </c>
      <c r="B17" s="20"/>
      <c r="C17" s="13">
        <v>13600</v>
      </c>
      <c r="D17" s="14">
        <v>6927</v>
      </c>
      <c r="E17" s="14">
        <v>6673</v>
      </c>
      <c r="F17" s="14"/>
      <c r="G17" s="18" t="s">
        <v>32</v>
      </c>
      <c r="H17" s="17"/>
      <c r="I17" s="13">
        <v>20962</v>
      </c>
      <c r="J17" s="14">
        <v>10435</v>
      </c>
      <c r="K17" s="14">
        <v>10527</v>
      </c>
    </row>
    <row r="18" spans="1:11" ht="15" customHeight="1">
      <c r="A18" s="17" t="s">
        <v>33</v>
      </c>
      <c r="B18" s="17"/>
      <c r="C18" s="13">
        <v>2632</v>
      </c>
      <c r="D18" s="19">
        <v>1337</v>
      </c>
      <c r="E18" s="19">
        <v>1295</v>
      </c>
      <c r="F18" s="19"/>
      <c r="G18" s="18" t="s">
        <v>34</v>
      </c>
      <c r="H18" s="17"/>
      <c r="I18" s="13">
        <v>4150</v>
      </c>
      <c r="J18" s="19">
        <v>2107</v>
      </c>
      <c r="K18" s="19">
        <v>2043</v>
      </c>
    </row>
    <row r="19" spans="1:11" ht="15" customHeight="1">
      <c r="A19" s="17" t="s">
        <v>35</v>
      </c>
      <c r="B19" s="17"/>
      <c r="C19" s="13">
        <v>2782</v>
      </c>
      <c r="D19" s="19">
        <v>1433</v>
      </c>
      <c r="E19" s="19">
        <v>1349</v>
      </c>
      <c r="F19" s="19"/>
      <c r="G19" s="18" t="s">
        <v>36</v>
      </c>
      <c r="H19" s="17"/>
      <c r="I19" s="13">
        <v>4349</v>
      </c>
      <c r="J19" s="19">
        <v>2206</v>
      </c>
      <c r="K19" s="19">
        <v>2143</v>
      </c>
    </row>
    <row r="20" spans="1:11" ht="15" customHeight="1">
      <c r="A20" s="17" t="s">
        <v>37</v>
      </c>
      <c r="B20" s="17"/>
      <c r="C20" s="13">
        <v>2686</v>
      </c>
      <c r="D20" s="19">
        <v>1353</v>
      </c>
      <c r="E20" s="19">
        <v>1333</v>
      </c>
      <c r="F20" s="19"/>
      <c r="G20" s="18" t="s">
        <v>38</v>
      </c>
      <c r="H20" s="17"/>
      <c r="I20" s="13">
        <v>4036</v>
      </c>
      <c r="J20" s="19">
        <v>1998</v>
      </c>
      <c r="K20" s="19">
        <v>2038</v>
      </c>
    </row>
    <row r="21" spans="1:11" ht="15" customHeight="1">
      <c r="A21" s="17" t="s">
        <v>39</v>
      </c>
      <c r="B21" s="17"/>
      <c r="C21" s="13">
        <v>2757</v>
      </c>
      <c r="D21" s="19">
        <v>1405</v>
      </c>
      <c r="E21" s="19">
        <v>1352</v>
      </c>
      <c r="F21" s="19"/>
      <c r="G21" s="18" t="s">
        <v>40</v>
      </c>
      <c r="H21" s="17"/>
      <c r="I21" s="13">
        <v>4070</v>
      </c>
      <c r="J21" s="19">
        <v>2015</v>
      </c>
      <c r="K21" s="19">
        <v>2055</v>
      </c>
    </row>
    <row r="22" spans="1:11" ht="15" customHeight="1">
      <c r="A22" s="17" t="s">
        <v>41</v>
      </c>
      <c r="B22" s="17"/>
      <c r="C22" s="13">
        <v>2743</v>
      </c>
      <c r="D22" s="19">
        <v>1399</v>
      </c>
      <c r="E22" s="19">
        <v>1344</v>
      </c>
      <c r="F22" s="19"/>
      <c r="G22" s="18" t="s">
        <v>42</v>
      </c>
      <c r="H22" s="17"/>
      <c r="I22" s="13">
        <v>4357</v>
      </c>
      <c r="J22" s="19">
        <v>2109</v>
      </c>
      <c r="K22" s="19">
        <v>2248</v>
      </c>
    </row>
    <row r="23" spans="1:11" ht="20.100000000000001" customHeight="1">
      <c r="A23" s="17" t="s">
        <v>43</v>
      </c>
      <c r="B23" s="17"/>
      <c r="C23" s="13">
        <v>15577</v>
      </c>
      <c r="D23" s="14">
        <v>7884</v>
      </c>
      <c r="E23" s="14">
        <v>7693</v>
      </c>
      <c r="F23" s="14"/>
      <c r="G23" s="18" t="s">
        <v>44</v>
      </c>
      <c r="H23" s="17"/>
      <c r="I23" s="13">
        <v>24826</v>
      </c>
      <c r="J23" s="14">
        <v>12001</v>
      </c>
      <c r="K23" s="14">
        <v>12825</v>
      </c>
    </row>
    <row r="24" spans="1:11" ht="15" customHeight="1">
      <c r="A24" s="17" t="s">
        <v>45</v>
      </c>
      <c r="B24" s="17"/>
      <c r="C24" s="13">
        <v>2865</v>
      </c>
      <c r="D24" s="19">
        <v>1503</v>
      </c>
      <c r="E24" s="19">
        <v>1362</v>
      </c>
      <c r="F24" s="19"/>
      <c r="G24" s="18" t="s">
        <v>46</v>
      </c>
      <c r="H24" s="17"/>
      <c r="I24" s="13">
        <v>4328</v>
      </c>
      <c r="J24" s="19">
        <v>2058</v>
      </c>
      <c r="K24" s="19">
        <v>2270</v>
      </c>
    </row>
    <row r="25" spans="1:11" ht="15" customHeight="1">
      <c r="A25" s="17" t="s">
        <v>47</v>
      </c>
      <c r="B25" s="17"/>
      <c r="C25" s="13">
        <v>3039</v>
      </c>
      <c r="D25" s="19">
        <v>1536</v>
      </c>
      <c r="E25" s="19">
        <v>1503</v>
      </c>
      <c r="F25" s="19"/>
      <c r="G25" s="18" t="s">
        <v>48</v>
      </c>
      <c r="H25" s="17"/>
      <c r="I25" s="13">
        <v>4527</v>
      </c>
      <c r="J25" s="19">
        <v>2217</v>
      </c>
      <c r="K25" s="19">
        <v>2310</v>
      </c>
    </row>
    <row r="26" spans="1:11" ht="15" customHeight="1">
      <c r="A26" s="17" t="s">
        <v>49</v>
      </c>
      <c r="B26" s="17"/>
      <c r="C26" s="13">
        <v>3172</v>
      </c>
      <c r="D26" s="19">
        <v>1586</v>
      </c>
      <c r="E26" s="19">
        <v>1586</v>
      </c>
      <c r="F26" s="19"/>
      <c r="G26" s="18" t="s">
        <v>50</v>
      </c>
      <c r="H26" s="17"/>
      <c r="I26" s="13">
        <v>5059</v>
      </c>
      <c r="J26" s="19">
        <v>2506</v>
      </c>
      <c r="K26" s="19">
        <v>2553</v>
      </c>
    </row>
    <row r="27" spans="1:11" ht="15" customHeight="1">
      <c r="A27" s="17" t="s">
        <v>51</v>
      </c>
      <c r="B27" s="17"/>
      <c r="C27" s="13">
        <v>3238</v>
      </c>
      <c r="D27" s="19">
        <v>1644</v>
      </c>
      <c r="E27" s="19">
        <v>1594</v>
      </c>
      <c r="F27" s="19"/>
      <c r="G27" s="18" t="s">
        <v>52</v>
      </c>
      <c r="H27" s="17"/>
      <c r="I27" s="13">
        <v>5306</v>
      </c>
      <c r="J27" s="19">
        <v>2512</v>
      </c>
      <c r="K27" s="19">
        <v>2794</v>
      </c>
    </row>
    <row r="28" spans="1:11" ht="15" customHeight="1">
      <c r="A28" s="17" t="s">
        <v>53</v>
      </c>
      <c r="B28" s="17"/>
      <c r="C28" s="13">
        <v>3263</v>
      </c>
      <c r="D28" s="19">
        <v>1615</v>
      </c>
      <c r="E28" s="19">
        <v>1648</v>
      </c>
      <c r="F28" s="19"/>
      <c r="G28" s="18" t="s">
        <v>54</v>
      </c>
      <c r="H28" s="17"/>
      <c r="I28" s="13">
        <v>5606</v>
      </c>
      <c r="J28" s="19">
        <v>2708</v>
      </c>
      <c r="K28" s="19">
        <v>2898</v>
      </c>
    </row>
    <row r="29" spans="1:11" ht="20.100000000000001" customHeight="1">
      <c r="A29" s="17" t="s">
        <v>55</v>
      </c>
      <c r="B29" s="17"/>
      <c r="C29" s="13">
        <v>15808</v>
      </c>
      <c r="D29" s="14">
        <v>8055</v>
      </c>
      <c r="E29" s="14">
        <v>7753</v>
      </c>
      <c r="F29" s="14"/>
      <c r="G29" s="18" t="s">
        <v>56</v>
      </c>
      <c r="H29" s="17"/>
      <c r="I29" s="13">
        <v>26878</v>
      </c>
      <c r="J29" s="14">
        <v>12634</v>
      </c>
      <c r="K29" s="14">
        <v>14244</v>
      </c>
    </row>
    <row r="30" spans="1:11" ht="15" customHeight="1">
      <c r="A30" s="17" t="s">
        <v>57</v>
      </c>
      <c r="B30" s="17"/>
      <c r="C30" s="13">
        <v>3362</v>
      </c>
      <c r="D30" s="19">
        <v>1731</v>
      </c>
      <c r="E30" s="19">
        <v>1631</v>
      </c>
      <c r="F30" s="19"/>
      <c r="G30" s="18" t="s">
        <v>58</v>
      </c>
      <c r="H30" s="17"/>
      <c r="I30" s="13">
        <v>6413</v>
      </c>
      <c r="J30" s="19">
        <v>3045</v>
      </c>
      <c r="K30" s="19">
        <v>3368</v>
      </c>
    </row>
    <row r="31" spans="1:11" ht="15" customHeight="1">
      <c r="A31" s="17" t="s">
        <v>59</v>
      </c>
      <c r="B31" s="17"/>
      <c r="C31" s="13">
        <v>3298</v>
      </c>
      <c r="D31" s="19">
        <v>1719</v>
      </c>
      <c r="E31" s="19">
        <v>1579</v>
      </c>
      <c r="F31" s="19"/>
      <c r="G31" s="18" t="s">
        <v>60</v>
      </c>
      <c r="H31" s="17"/>
      <c r="I31" s="13">
        <v>6058</v>
      </c>
      <c r="J31" s="19">
        <v>2927</v>
      </c>
      <c r="K31" s="19">
        <v>3131</v>
      </c>
    </row>
    <row r="32" spans="1:11" ht="15" customHeight="1">
      <c r="A32" s="17" t="s">
        <v>61</v>
      </c>
      <c r="B32" s="17"/>
      <c r="C32" s="13">
        <v>3232</v>
      </c>
      <c r="D32" s="19">
        <v>1639</v>
      </c>
      <c r="E32" s="19">
        <v>1593</v>
      </c>
      <c r="F32" s="19"/>
      <c r="G32" s="18" t="s">
        <v>62</v>
      </c>
      <c r="H32" s="17"/>
      <c r="I32" s="13">
        <v>6208</v>
      </c>
      <c r="J32" s="19">
        <v>2944</v>
      </c>
      <c r="K32" s="19">
        <v>3264</v>
      </c>
    </row>
    <row r="33" spans="1:11" ht="15" customHeight="1">
      <c r="A33" s="17" t="s">
        <v>63</v>
      </c>
      <c r="B33" s="17"/>
      <c r="C33" s="13">
        <v>3095</v>
      </c>
      <c r="D33" s="19">
        <v>1592</v>
      </c>
      <c r="E33" s="19">
        <v>1503</v>
      </c>
      <c r="F33" s="19"/>
      <c r="G33" s="18" t="s">
        <v>64</v>
      </c>
      <c r="H33" s="17"/>
      <c r="I33" s="13">
        <v>4294</v>
      </c>
      <c r="J33" s="19">
        <v>1976</v>
      </c>
      <c r="K33" s="19">
        <v>2318</v>
      </c>
    </row>
    <row r="34" spans="1:11" ht="15" customHeight="1">
      <c r="A34" s="17" t="s">
        <v>65</v>
      </c>
      <c r="B34" s="17"/>
      <c r="C34" s="13">
        <v>2821</v>
      </c>
      <c r="D34" s="19">
        <v>1374</v>
      </c>
      <c r="E34" s="19">
        <v>1447</v>
      </c>
      <c r="F34" s="19"/>
      <c r="G34" s="18" t="s">
        <v>66</v>
      </c>
      <c r="H34" s="17"/>
      <c r="I34" s="13">
        <v>3905</v>
      </c>
      <c r="J34" s="19">
        <v>1742</v>
      </c>
      <c r="K34" s="19">
        <v>2163</v>
      </c>
    </row>
    <row r="35" spans="1:11" ht="20.100000000000001" customHeight="1">
      <c r="A35" s="17" t="s">
        <v>67</v>
      </c>
      <c r="B35" s="17"/>
      <c r="C35" s="13">
        <v>13772</v>
      </c>
      <c r="D35" s="14">
        <v>7002</v>
      </c>
      <c r="E35" s="14">
        <v>6770</v>
      </c>
      <c r="F35" s="14"/>
      <c r="G35" s="18" t="s">
        <v>68</v>
      </c>
      <c r="H35" s="17"/>
      <c r="I35" s="13">
        <v>22963</v>
      </c>
      <c r="J35" s="14">
        <v>10296</v>
      </c>
      <c r="K35" s="14">
        <v>12667</v>
      </c>
    </row>
    <row r="36" spans="1:11" ht="15" customHeight="1">
      <c r="A36" s="17" t="s">
        <v>69</v>
      </c>
      <c r="B36" s="17"/>
      <c r="C36" s="13">
        <v>2849</v>
      </c>
      <c r="D36" s="19">
        <v>1378</v>
      </c>
      <c r="E36" s="19">
        <v>1471</v>
      </c>
      <c r="F36" s="19"/>
      <c r="G36" s="18" t="s">
        <v>70</v>
      </c>
      <c r="H36" s="17"/>
      <c r="I36" s="13">
        <v>4694</v>
      </c>
      <c r="J36" s="19">
        <v>2166</v>
      </c>
      <c r="K36" s="19">
        <v>2528</v>
      </c>
    </row>
    <row r="37" spans="1:11" ht="15" customHeight="1">
      <c r="A37" s="17" t="s">
        <v>71</v>
      </c>
      <c r="B37" s="17"/>
      <c r="C37" s="13">
        <v>2744</v>
      </c>
      <c r="D37" s="19">
        <v>1432</v>
      </c>
      <c r="E37" s="19">
        <v>1312</v>
      </c>
      <c r="F37" s="19"/>
      <c r="G37" s="18" t="s">
        <v>72</v>
      </c>
      <c r="H37" s="17"/>
      <c r="I37" s="13">
        <v>4917</v>
      </c>
      <c r="J37" s="19">
        <v>2226</v>
      </c>
      <c r="K37" s="19">
        <v>2691</v>
      </c>
    </row>
    <row r="38" spans="1:11" ht="15" customHeight="1">
      <c r="A38" s="17" t="s">
        <v>73</v>
      </c>
      <c r="B38" s="17"/>
      <c r="C38" s="13">
        <v>2712</v>
      </c>
      <c r="D38" s="19">
        <v>1378</v>
      </c>
      <c r="E38" s="19">
        <v>1334</v>
      </c>
      <c r="F38" s="19"/>
      <c r="G38" s="18" t="s">
        <v>74</v>
      </c>
      <c r="H38" s="17"/>
      <c r="I38" s="13">
        <v>4595</v>
      </c>
      <c r="J38" s="19">
        <v>2052</v>
      </c>
      <c r="K38" s="19">
        <v>2543</v>
      </c>
    </row>
    <row r="39" spans="1:11" ht="15" customHeight="1">
      <c r="A39" s="17" t="s">
        <v>75</v>
      </c>
      <c r="B39" s="17"/>
      <c r="C39" s="13">
        <v>2740</v>
      </c>
      <c r="D39" s="19">
        <v>1411</v>
      </c>
      <c r="E39" s="19">
        <v>1329</v>
      </c>
      <c r="F39" s="19"/>
      <c r="G39" s="18" t="s">
        <v>76</v>
      </c>
      <c r="H39" s="17"/>
      <c r="I39" s="13">
        <v>4551</v>
      </c>
      <c r="J39" s="19">
        <v>1994</v>
      </c>
      <c r="K39" s="19">
        <v>2557</v>
      </c>
    </row>
    <row r="40" spans="1:11" ht="15" customHeight="1">
      <c r="A40" s="17" t="s">
        <v>77</v>
      </c>
      <c r="B40" s="17"/>
      <c r="C40" s="13">
        <v>2727</v>
      </c>
      <c r="D40" s="19">
        <v>1403</v>
      </c>
      <c r="E40" s="19">
        <v>1324</v>
      </c>
      <c r="F40" s="19"/>
      <c r="G40" s="18" t="s">
        <v>78</v>
      </c>
      <c r="H40" s="17"/>
      <c r="I40" s="13">
        <v>4206</v>
      </c>
      <c r="J40" s="19">
        <v>1858</v>
      </c>
      <c r="K40" s="19">
        <v>2348</v>
      </c>
    </row>
    <row r="41" spans="1:11" ht="20.100000000000001" customHeight="1">
      <c r="A41" s="17" t="s">
        <v>79</v>
      </c>
      <c r="B41" s="17"/>
      <c r="C41" s="13">
        <v>14826</v>
      </c>
      <c r="D41" s="14">
        <v>7571</v>
      </c>
      <c r="E41" s="14">
        <v>7255</v>
      </c>
      <c r="F41" s="14"/>
      <c r="G41" s="18" t="s">
        <v>80</v>
      </c>
      <c r="H41" s="17"/>
      <c r="I41" s="13">
        <v>16143</v>
      </c>
      <c r="J41" s="14">
        <v>6714</v>
      </c>
      <c r="K41" s="14">
        <v>9429</v>
      </c>
    </row>
    <row r="42" spans="1:11" ht="15" customHeight="1">
      <c r="A42" s="17" t="s">
        <v>81</v>
      </c>
      <c r="B42" s="17"/>
      <c r="C42" s="13">
        <v>2795</v>
      </c>
      <c r="D42" s="19">
        <v>1470</v>
      </c>
      <c r="E42" s="19">
        <v>1325</v>
      </c>
      <c r="F42" s="19"/>
      <c r="G42" s="18" t="s">
        <v>82</v>
      </c>
      <c r="H42" s="17"/>
      <c r="I42" s="13">
        <v>3485</v>
      </c>
      <c r="J42" s="19">
        <v>1488</v>
      </c>
      <c r="K42" s="19">
        <v>1997</v>
      </c>
    </row>
    <row r="43" spans="1:11" ht="15" customHeight="1">
      <c r="A43" s="17" t="s">
        <v>83</v>
      </c>
      <c r="B43" s="17"/>
      <c r="C43" s="13">
        <v>2898</v>
      </c>
      <c r="D43" s="19">
        <v>1444</v>
      </c>
      <c r="E43" s="19">
        <v>1454</v>
      </c>
      <c r="F43" s="19"/>
      <c r="G43" s="18" t="s">
        <v>84</v>
      </c>
      <c r="H43" s="17"/>
      <c r="I43" s="13">
        <v>3258</v>
      </c>
      <c r="J43" s="19">
        <v>1394</v>
      </c>
      <c r="K43" s="19">
        <v>1864</v>
      </c>
    </row>
    <row r="44" spans="1:11" ht="15" customHeight="1">
      <c r="A44" s="17" t="s">
        <v>85</v>
      </c>
      <c r="B44" s="17"/>
      <c r="C44" s="13">
        <v>2960</v>
      </c>
      <c r="D44" s="19">
        <v>1490</v>
      </c>
      <c r="E44" s="19">
        <v>1470</v>
      </c>
      <c r="F44" s="19"/>
      <c r="G44" s="18" t="s">
        <v>86</v>
      </c>
      <c r="H44" s="17"/>
      <c r="I44" s="13">
        <v>3342</v>
      </c>
      <c r="J44" s="19">
        <v>1388</v>
      </c>
      <c r="K44" s="19">
        <v>1954</v>
      </c>
    </row>
    <row r="45" spans="1:11" ht="15" customHeight="1">
      <c r="A45" s="17" t="s">
        <v>87</v>
      </c>
      <c r="B45" s="17"/>
      <c r="C45" s="13">
        <v>3033</v>
      </c>
      <c r="D45" s="19">
        <v>1534</v>
      </c>
      <c r="E45" s="19">
        <v>1499</v>
      </c>
      <c r="F45" s="19"/>
      <c r="G45" s="18" t="s">
        <v>88</v>
      </c>
      <c r="H45" s="17"/>
      <c r="I45" s="13">
        <v>3064</v>
      </c>
      <c r="J45" s="19">
        <v>1264</v>
      </c>
      <c r="K45" s="19">
        <v>1800</v>
      </c>
    </row>
    <row r="46" spans="1:11" ht="15" customHeight="1">
      <c r="A46" s="17" t="s">
        <v>89</v>
      </c>
      <c r="B46" s="17"/>
      <c r="C46" s="13">
        <v>3140</v>
      </c>
      <c r="D46" s="19">
        <v>1633</v>
      </c>
      <c r="E46" s="19">
        <v>1507</v>
      </c>
      <c r="F46" s="19"/>
      <c r="G46" s="18" t="s">
        <v>90</v>
      </c>
      <c r="H46" s="17"/>
      <c r="I46" s="13">
        <v>2994</v>
      </c>
      <c r="J46" s="19">
        <v>1180</v>
      </c>
      <c r="K46" s="19">
        <v>1814</v>
      </c>
    </row>
    <row r="47" spans="1:11" ht="20.100000000000001" customHeight="1">
      <c r="A47" s="17" t="s">
        <v>91</v>
      </c>
      <c r="B47" s="17"/>
      <c r="C47" s="13">
        <v>17745</v>
      </c>
      <c r="D47" s="14">
        <v>8933</v>
      </c>
      <c r="E47" s="14">
        <v>8812</v>
      </c>
      <c r="F47" s="14"/>
      <c r="G47" s="18" t="s">
        <v>92</v>
      </c>
      <c r="H47" s="17"/>
      <c r="I47" s="13">
        <v>10452</v>
      </c>
      <c r="J47" s="14">
        <v>3775</v>
      </c>
      <c r="K47" s="14">
        <v>6677</v>
      </c>
    </row>
    <row r="48" spans="1:11" ht="15" customHeight="1">
      <c r="A48" s="17" t="s">
        <v>93</v>
      </c>
      <c r="B48" s="17"/>
      <c r="C48" s="13">
        <v>3288</v>
      </c>
      <c r="D48" s="19">
        <v>1643</v>
      </c>
      <c r="E48" s="19">
        <v>1645</v>
      </c>
      <c r="F48" s="19"/>
      <c r="G48" s="18" t="s">
        <v>94</v>
      </c>
      <c r="H48" s="17"/>
      <c r="I48" s="13">
        <v>2637</v>
      </c>
      <c r="J48" s="19">
        <v>1000</v>
      </c>
      <c r="K48" s="19">
        <v>1637</v>
      </c>
    </row>
    <row r="49" spans="1:11" ht="15" customHeight="1">
      <c r="A49" s="17" t="s">
        <v>95</v>
      </c>
      <c r="B49" s="17"/>
      <c r="C49" s="13">
        <v>3502</v>
      </c>
      <c r="D49" s="19">
        <v>1763</v>
      </c>
      <c r="E49" s="19">
        <v>1739</v>
      </c>
      <c r="F49" s="19"/>
      <c r="G49" s="18" t="s">
        <v>96</v>
      </c>
      <c r="H49" s="17"/>
      <c r="I49" s="13">
        <v>2351</v>
      </c>
      <c r="J49" s="19">
        <v>908</v>
      </c>
      <c r="K49" s="19">
        <v>1443</v>
      </c>
    </row>
    <row r="50" spans="1:11" ht="15" customHeight="1">
      <c r="A50" s="17" t="s">
        <v>97</v>
      </c>
      <c r="B50" s="17"/>
      <c r="C50" s="13">
        <v>3534</v>
      </c>
      <c r="D50" s="19">
        <v>1788</v>
      </c>
      <c r="E50" s="19">
        <v>1746</v>
      </c>
      <c r="F50" s="19"/>
      <c r="G50" s="18" t="s">
        <v>98</v>
      </c>
      <c r="H50" s="17"/>
      <c r="I50" s="13">
        <v>2125</v>
      </c>
      <c r="J50" s="19">
        <v>776</v>
      </c>
      <c r="K50" s="19">
        <v>1349</v>
      </c>
    </row>
    <row r="51" spans="1:11" ht="15" customHeight="1">
      <c r="A51" s="17" t="s">
        <v>99</v>
      </c>
      <c r="B51" s="17"/>
      <c r="C51" s="13">
        <v>3626</v>
      </c>
      <c r="D51" s="19">
        <v>1837</v>
      </c>
      <c r="E51" s="19">
        <v>1789</v>
      </c>
      <c r="F51" s="19"/>
      <c r="G51" s="18" t="s">
        <v>100</v>
      </c>
      <c r="H51" s="17"/>
      <c r="I51" s="13">
        <v>1811</v>
      </c>
      <c r="J51" s="19">
        <v>611</v>
      </c>
      <c r="K51" s="19">
        <v>1200</v>
      </c>
    </row>
    <row r="52" spans="1:11" ht="15" customHeight="1">
      <c r="A52" s="17" t="s">
        <v>101</v>
      </c>
      <c r="B52" s="17"/>
      <c r="C52" s="13">
        <v>3795</v>
      </c>
      <c r="D52" s="19">
        <v>1902</v>
      </c>
      <c r="E52" s="19">
        <v>1893</v>
      </c>
      <c r="F52" s="19"/>
      <c r="G52" s="18" t="s">
        <v>102</v>
      </c>
      <c r="H52" s="17"/>
      <c r="I52" s="13">
        <v>1528</v>
      </c>
      <c r="J52" s="19">
        <v>480</v>
      </c>
      <c r="K52" s="19">
        <v>1048</v>
      </c>
    </row>
    <row r="53" spans="1:11" ht="20.100000000000001" customHeight="1">
      <c r="A53" s="17" t="s">
        <v>103</v>
      </c>
      <c r="B53" s="17"/>
      <c r="C53" s="13">
        <v>21267</v>
      </c>
      <c r="D53" s="14">
        <v>10843</v>
      </c>
      <c r="E53" s="14">
        <v>10424</v>
      </c>
      <c r="F53" s="14"/>
      <c r="G53" s="18" t="s">
        <v>104</v>
      </c>
      <c r="H53" s="17"/>
      <c r="I53" s="13">
        <v>5033</v>
      </c>
      <c r="J53" s="14">
        <v>1383</v>
      </c>
      <c r="K53" s="14">
        <v>3650</v>
      </c>
    </row>
    <row r="54" spans="1:11" ht="15" customHeight="1">
      <c r="A54" s="17" t="s">
        <v>105</v>
      </c>
      <c r="B54" s="17"/>
      <c r="C54" s="13">
        <v>3831</v>
      </c>
      <c r="D54" s="19">
        <v>1973</v>
      </c>
      <c r="E54" s="19">
        <v>1858</v>
      </c>
      <c r="F54" s="19"/>
      <c r="G54" s="18" t="s">
        <v>106</v>
      </c>
      <c r="H54" s="17"/>
      <c r="I54" s="13">
        <v>1366</v>
      </c>
      <c r="J54" s="19">
        <v>422</v>
      </c>
      <c r="K54" s="19">
        <v>944</v>
      </c>
    </row>
    <row r="55" spans="1:11" ht="15" customHeight="1">
      <c r="A55" s="17" t="s">
        <v>107</v>
      </c>
      <c r="B55" s="17"/>
      <c r="C55" s="13">
        <v>4133</v>
      </c>
      <c r="D55" s="19">
        <v>2105</v>
      </c>
      <c r="E55" s="19">
        <v>2028</v>
      </c>
      <c r="F55" s="19"/>
      <c r="G55" s="18" t="s">
        <v>108</v>
      </c>
      <c r="H55" s="17"/>
      <c r="I55" s="13">
        <v>1200</v>
      </c>
      <c r="J55" s="19">
        <v>326</v>
      </c>
      <c r="K55" s="19">
        <v>874</v>
      </c>
    </row>
    <row r="56" spans="1:11" ht="15" customHeight="1">
      <c r="A56" s="17" t="s">
        <v>109</v>
      </c>
      <c r="B56" s="17"/>
      <c r="C56" s="13">
        <v>4254</v>
      </c>
      <c r="D56" s="19">
        <v>2185</v>
      </c>
      <c r="E56" s="19">
        <v>2069</v>
      </c>
      <c r="F56" s="19"/>
      <c r="G56" s="18" t="s">
        <v>110</v>
      </c>
      <c r="H56" s="17"/>
      <c r="I56" s="13">
        <v>969</v>
      </c>
      <c r="J56" s="19">
        <v>269</v>
      </c>
      <c r="K56" s="19">
        <v>700</v>
      </c>
    </row>
    <row r="57" spans="1:11" ht="15" customHeight="1">
      <c r="A57" s="17" t="s">
        <v>111</v>
      </c>
      <c r="B57" s="17"/>
      <c r="C57" s="13">
        <v>4268</v>
      </c>
      <c r="D57" s="19">
        <v>2132</v>
      </c>
      <c r="E57" s="19">
        <v>2136</v>
      </c>
      <c r="F57" s="19"/>
      <c r="G57" s="18" t="s">
        <v>112</v>
      </c>
      <c r="H57" s="17"/>
      <c r="I57" s="13">
        <v>823</v>
      </c>
      <c r="J57" s="19">
        <v>207</v>
      </c>
      <c r="K57" s="19">
        <v>616</v>
      </c>
    </row>
    <row r="58" spans="1:11" ht="15" customHeight="1">
      <c r="A58" s="17" t="s">
        <v>113</v>
      </c>
      <c r="B58" s="17"/>
      <c r="C58" s="13">
        <v>4781</v>
      </c>
      <c r="D58" s="19">
        <v>2448</v>
      </c>
      <c r="E58" s="19">
        <v>2333</v>
      </c>
      <c r="F58" s="19"/>
      <c r="G58" s="18" t="s">
        <v>114</v>
      </c>
      <c r="H58" s="17"/>
      <c r="I58" s="13">
        <v>675</v>
      </c>
      <c r="J58" s="19">
        <v>159</v>
      </c>
      <c r="K58" s="19">
        <v>516</v>
      </c>
    </row>
    <row r="59" spans="1:11" ht="20.100000000000001" customHeight="1">
      <c r="A59" s="17" t="s">
        <v>115</v>
      </c>
      <c r="B59" s="17"/>
      <c r="C59" s="13">
        <v>26230</v>
      </c>
      <c r="D59" s="14">
        <v>13447</v>
      </c>
      <c r="E59" s="14">
        <v>12783</v>
      </c>
      <c r="F59" s="14"/>
      <c r="G59" s="18" t="s">
        <v>116</v>
      </c>
      <c r="H59" s="17"/>
      <c r="I59" s="13">
        <v>1442</v>
      </c>
      <c r="J59" s="14">
        <v>311</v>
      </c>
      <c r="K59" s="14">
        <v>1131</v>
      </c>
    </row>
    <row r="60" spans="1:11" ht="15" customHeight="1">
      <c r="A60" s="17" t="s">
        <v>117</v>
      </c>
      <c r="B60" s="17"/>
      <c r="C60" s="13">
        <v>5113</v>
      </c>
      <c r="D60" s="19">
        <v>2649</v>
      </c>
      <c r="E60" s="19">
        <v>2464</v>
      </c>
      <c r="F60" s="19"/>
      <c r="G60" s="18" t="s">
        <v>118</v>
      </c>
      <c r="H60" s="17"/>
      <c r="I60" s="13">
        <v>514</v>
      </c>
      <c r="J60" s="19">
        <v>113</v>
      </c>
      <c r="K60" s="19">
        <v>401</v>
      </c>
    </row>
    <row r="61" spans="1:11" ht="15" customHeight="1">
      <c r="A61" s="17" t="s">
        <v>119</v>
      </c>
      <c r="B61" s="17"/>
      <c r="C61" s="13">
        <v>5421</v>
      </c>
      <c r="D61" s="19">
        <v>2765</v>
      </c>
      <c r="E61" s="19">
        <v>2656</v>
      </c>
      <c r="F61" s="19"/>
      <c r="G61" s="18" t="s">
        <v>120</v>
      </c>
      <c r="H61" s="17"/>
      <c r="I61" s="13">
        <v>357</v>
      </c>
      <c r="J61" s="19">
        <v>83</v>
      </c>
      <c r="K61" s="19">
        <v>274</v>
      </c>
    </row>
    <row r="62" spans="1:11" ht="15" customHeight="1">
      <c r="A62" s="17" t="s">
        <v>121</v>
      </c>
      <c r="B62" s="17"/>
      <c r="C62" s="13">
        <v>5277</v>
      </c>
      <c r="D62" s="19">
        <v>2685</v>
      </c>
      <c r="E62" s="19">
        <v>2592</v>
      </c>
      <c r="F62" s="19"/>
      <c r="G62" s="18" t="s">
        <v>122</v>
      </c>
      <c r="H62" s="17"/>
      <c r="I62" s="13">
        <v>258</v>
      </c>
      <c r="J62" s="19">
        <v>50</v>
      </c>
      <c r="K62" s="19">
        <v>208</v>
      </c>
    </row>
    <row r="63" spans="1:11" ht="15" customHeight="1">
      <c r="A63" s="17" t="s">
        <v>123</v>
      </c>
      <c r="B63" s="17"/>
      <c r="C63" s="13">
        <v>5230</v>
      </c>
      <c r="D63" s="19">
        <v>2670</v>
      </c>
      <c r="E63" s="19">
        <v>2560</v>
      </c>
      <c r="F63" s="19"/>
      <c r="G63" s="18" t="s">
        <v>124</v>
      </c>
      <c r="H63" s="17"/>
      <c r="I63" s="13">
        <v>207</v>
      </c>
      <c r="J63" s="19">
        <v>46</v>
      </c>
      <c r="K63" s="19">
        <v>161</v>
      </c>
    </row>
    <row r="64" spans="1:11" ht="15" customHeight="1">
      <c r="A64" s="17" t="s">
        <v>125</v>
      </c>
      <c r="B64" s="17"/>
      <c r="C64" s="13">
        <v>5189</v>
      </c>
      <c r="D64" s="19">
        <v>2678</v>
      </c>
      <c r="E64" s="19">
        <v>2511</v>
      </c>
      <c r="F64" s="19"/>
      <c r="G64" s="18" t="s">
        <v>126</v>
      </c>
      <c r="H64" s="17"/>
      <c r="I64" s="13">
        <v>106</v>
      </c>
      <c r="J64" s="19">
        <v>19</v>
      </c>
      <c r="K64" s="19">
        <v>8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57</v>
      </c>
      <c r="J65" s="19">
        <v>28</v>
      </c>
      <c r="K65" s="19">
        <v>2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752</v>
      </c>
      <c r="J66" s="29">
        <v>974</v>
      </c>
      <c r="K66" s="29">
        <v>77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0022</v>
      </c>
      <c r="D4" s="14">
        <v>92356</v>
      </c>
      <c r="E4" s="14">
        <v>9766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217</v>
      </c>
      <c r="D5" s="14">
        <v>3171</v>
      </c>
      <c r="E5" s="14">
        <v>3046</v>
      </c>
      <c r="F5" s="14"/>
      <c r="G5" s="18" t="s">
        <v>8</v>
      </c>
      <c r="H5" s="17"/>
      <c r="I5" s="13">
        <v>14026</v>
      </c>
      <c r="J5" s="14">
        <v>7217</v>
      </c>
      <c r="K5" s="14">
        <v>6809</v>
      </c>
    </row>
    <row r="6" spans="1:11" ht="15" customHeight="1">
      <c r="A6" s="17" t="s">
        <v>9</v>
      </c>
      <c r="B6" s="17"/>
      <c r="C6" s="13">
        <v>1205</v>
      </c>
      <c r="D6" s="19">
        <v>623</v>
      </c>
      <c r="E6" s="19">
        <v>582</v>
      </c>
      <c r="F6" s="19"/>
      <c r="G6" s="18" t="s">
        <v>10</v>
      </c>
      <c r="H6" s="17"/>
      <c r="I6" s="13">
        <v>2938</v>
      </c>
      <c r="J6" s="19">
        <v>1492</v>
      </c>
      <c r="K6" s="19">
        <v>1446</v>
      </c>
    </row>
    <row r="7" spans="1:11" ht="15" customHeight="1">
      <c r="A7" s="17" t="s">
        <v>11</v>
      </c>
      <c r="B7" s="17"/>
      <c r="C7" s="13">
        <v>1196</v>
      </c>
      <c r="D7" s="19">
        <v>623</v>
      </c>
      <c r="E7" s="19">
        <v>573</v>
      </c>
      <c r="F7" s="19"/>
      <c r="G7" s="18" t="s">
        <v>12</v>
      </c>
      <c r="H7" s="17"/>
      <c r="I7" s="13">
        <v>2898</v>
      </c>
      <c r="J7" s="19">
        <v>1524</v>
      </c>
      <c r="K7" s="19">
        <v>1374</v>
      </c>
    </row>
    <row r="8" spans="1:11" ht="15" customHeight="1">
      <c r="A8" s="17" t="s">
        <v>13</v>
      </c>
      <c r="B8" s="17"/>
      <c r="C8" s="13">
        <v>1238</v>
      </c>
      <c r="D8" s="19">
        <v>625</v>
      </c>
      <c r="E8" s="19">
        <v>613</v>
      </c>
      <c r="F8" s="19"/>
      <c r="G8" s="18" t="s">
        <v>14</v>
      </c>
      <c r="H8" s="17"/>
      <c r="I8" s="13">
        <v>3063</v>
      </c>
      <c r="J8" s="19">
        <v>1541</v>
      </c>
      <c r="K8" s="19">
        <v>1522</v>
      </c>
    </row>
    <row r="9" spans="1:11" ht="15" customHeight="1">
      <c r="A9" s="17" t="s">
        <v>15</v>
      </c>
      <c r="B9" s="17"/>
      <c r="C9" s="13">
        <v>1284</v>
      </c>
      <c r="D9" s="19">
        <v>647</v>
      </c>
      <c r="E9" s="19">
        <v>637</v>
      </c>
      <c r="F9" s="19"/>
      <c r="G9" s="18" t="s">
        <v>16</v>
      </c>
      <c r="H9" s="17"/>
      <c r="I9" s="13">
        <v>2199</v>
      </c>
      <c r="J9" s="19">
        <v>1144</v>
      </c>
      <c r="K9" s="19">
        <v>1055</v>
      </c>
    </row>
    <row r="10" spans="1:11" ht="15" customHeight="1">
      <c r="A10" s="17" t="s">
        <v>17</v>
      </c>
      <c r="B10" s="17"/>
      <c r="C10" s="13">
        <v>1294</v>
      </c>
      <c r="D10" s="19">
        <v>653</v>
      </c>
      <c r="E10" s="19">
        <v>641</v>
      </c>
      <c r="F10" s="19"/>
      <c r="G10" s="18" t="s">
        <v>18</v>
      </c>
      <c r="H10" s="17"/>
      <c r="I10" s="13">
        <v>2928</v>
      </c>
      <c r="J10" s="19">
        <v>1516</v>
      </c>
      <c r="K10" s="19">
        <v>1412</v>
      </c>
    </row>
    <row r="11" spans="1:11" ht="20.100000000000001" customHeight="1">
      <c r="A11" s="17" t="s">
        <v>19</v>
      </c>
      <c r="B11" s="17"/>
      <c r="C11" s="13">
        <v>7084</v>
      </c>
      <c r="D11" s="14">
        <v>3724</v>
      </c>
      <c r="E11" s="14">
        <v>3360</v>
      </c>
      <c r="F11" s="14"/>
      <c r="G11" s="18" t="s">
        <v>20</v>
      </c>
      <c r="H11" s="17"/>
      <c r="I11" s="13">
        <v>12279</v>
      </c>
      <c r="J11" s="14">
        <v>6233</v>
      </c>
      <c r="K11" s="14">
        <v>6046</v>
      </c>
    </row>
    <row r="12" spans="1:11" ht="15" customHeight="1">
      <c r="A12" s="17" t="s">
        <v>21</v>
      </c>
      <c r="B12" s="17"/>
      <c r="C12" s="13">
        <v>1321</v>
      </c>
      <c r="D12" s="19">
        <v>695</v>
      </c>
      <c r="E12" s="19">
        <v>626</v>
      </c>
      <c r="F12" s="19"/>
      <c r="G12" s="18" t="s">
        <v>22</v>
      </c>
      <c r="H12" s="17"/>
      <c r="I12" s="13">
        <v>2646</v>
      </c>
      <c r="J12" s="19">
        <v>1358</v>
      </c>
      <c r="K12" s="19">
        <v>1288</v>
      </c>
    </row>
    <row r="13" spans="1:11" ht="15" customHeight="1">
      <c r="A13" s="17" t="s">
        <v>23</v>
      </c>
      <c r="B13" s="17"/>
      <c r="C13" s="13">
        <v>1347</v>
      </c>
      <c r="D13" s="19">
        <v>727</v>
      </c>
      <c r="E13" s="19">
        <v>620</v>
      </c>
      <c r="F13" s="19"/>
      <c r="G13" s="18" t="s">
        <v>24</v>
      </c>
      <c r="H13" s="17"/>
      <c r="I13" s="13">
        <v>2581</v>
      </c>
      <c r="J13" s="19">
        <v>1322</v>
      </c>
      <c r="K13" s="19">
        <v>1259</v>
      </c>
    </row>
    <row r="14" spans="1:11" ht="15" customHeight="1">
      <c r="A14" s="17" t="s">
        <v>25</v>
      </c>
      <c r="B14" s="17"/>
      <c r="C14" s="13">
        <v>1510</v>
      </c>
      <c r="D14" s="19">
        <v>774</v>
      </c>
      <c r="E14" s="19">
        <v>736</v>
      </c>
      <c r="F14" s="19"/>
      <c r="G14" s="18" t="s">
        <v>26</v>
      </c>
      <c r="H14" s="17"/>
      <c r="I14" s="13">
        <v>2331</v>
      </c>
      <c r="J14" s="19">
        <v>1183</v>
      </c>
      <c r="K14" s="19">
        <v>1148</v>
      </c>
    </row>
    <row r="15" spans="1:11" ht="15" customHeight="1">
      <c r="A15" s="17" t="s">
        <v>27</v>
      </c>
      <c r="B15" s="17"/>
      <c r="C15" s="13">
        <v>1435</v>
      </c>
      <c r="D15" s="19">
        <v>757</v>
      </c>
      <c r="E15" s="19">
        <v>678</v>
      </c>
      <c r="F15" s="19"/>
      <c r="G15" s="18" t="s">
        <v>28</v>
      </c>
      <c r="H15" s="17"/>
      <c r="I15" s="13">
        <v>2387</v>
      </c>
      <c r="J15" s="19">
        <v>1188</v>
      </c>
      <c r="K15" s="19">
        <v>1199</v>
      </c>
    </row>
    <row r="16" spans="1:11" ht="15" customHeight="1">
      <c r="A16" s="17" t="s">
        <v>29</v>
      </c>
      <c r="B16" s="17"/>
      <c r="C16" s="13">
        <v>1471</v>
      </c>
      <c r="D16" s="19">
        <v>771</v>
      </c>
      <c r="E16" s="19">
        <v>700</v>
      </c>
      <c r="F16" s="19"/>
      <c r="G16" s="18" t="s">
        <v>30</v>
      </c>
      <c r="H16" s="17"/>
      <c r="I16" s="13">
        <v>2334</v>
      </c>
      <c r="J16" s="19">
        <v>1182</v>
      </c>
      <c r="K16" s="19">
        <v>1152</v>
      </c>
    </row>
    <row r="17" spans="1:11" ht="20.100000000000001" customHeight="1">
      <c r="A17" s="20" t="s">
        <v>31</v>
      </c>
      <c r="B17" s="20"/>
      <c r="C17" s="13">
        <v>7723</v>
      </c>
      <c r="D17" s="14">
        <v>3949</v>
      </c>
      <c r="E17" s="14">
        <v>3774</v>
      </c>
      <c r="F17" s="14"/>
      <c r="G17" s="18" t="s">
        <v>32</v>
      </c>
      <c r="H17" s="17"/>
      <c r="I17" s="13">
        <v>11509</v>
      </c>
      <c r="J17" s="14">
        <v>5658</v>
      </c>
      <c r="K17" s="14">
        <v>5851</v>
      </c>
    </row>
    <row r="18" spans="1:11" ht="15" customHeight="1">
      <c r="A18" s="17" t="s">
        <v>33</v>
      </c>
      <c r="B18" s="17"/>
      <c r="C18" s="13">
        <v>1542</v>
      </c>
      <c r="D18" s="19">
        <v>790</v>
      </c>
      <c r="E18" s="19">
        <v>752</v>
      </c>
      <c r="F18" s="19"/>
      <c r="G18" s="18" t="s">
        <v>34</v>
      </c>
      <c r="H18" s="17"/>
      <c r="I18" s="13">
        <v>2361</v>
      </c>
      <c r="J18" s="19">
        <v>1210</v>
      </c>
      <c r="K18" s="19">
        <v>1151</v>
      </c>
    </row>
    <row r="19" spans="1:11" ht="15" customHeight="1">
      <c r="A19" s="17" t="s">
        <v>35</v>
      </c>
      <c r="B19" s="17"/>
      <c r="C19" s="13">
        <v>1576</v>
      </c>
      <c r="D19" s="19">
        <v>823</v>
      </c>
      <c r="E19" s="19">
        <v>753</v>
      </c>
      <c r="F19" s="19"/>
      <c r="G19" s="18" t="s">
        <v>36</v>
      </c>
      <c r="H19" s="17"/>
      <c r="I19" s="13">
        <v>2367</v>
      </c>
      <c r="J19" s="19">
        <v>1174</v>
      </c>
      <c r="K19" s="19">
        <v>1193</v>
      </c>
    </row>
    <row r="20" spans="1:11" ht="15" customHeight="1">
      <c r="A20" s="17" t="s">
        <v>37</v>
      </c>
      <c r="B20" s="17"/>
      <c r="C20" s="13">
        <v>1532</v>
      </c>
      <c r="D20" s="19">
        <v>776</v>
      </c>
      <c r="E20" s="19">
        <v>756</v>
      </c>
      <c r="F20" s="19"/>
      <c r="G20" s="18" t="s">
        <v>38</v>
      </c>
      <c r="H20" s="17"/>
      <c r="I20" s="13">
        <v>2254</v>
      </c>
      <c r="J20" s="19">
        <v>1096</v>
      </c>
      <c r="K20" s="19">
        <v>1158</v>
      </c>
    </row>
    <row r="21" spans="1:11" ht="15" customHeight="1">
      <c r="A21" s="17" t="s">
        <v>39</v>
      </c>
      <c r="B21" s="17"/>
      <c r="C21" s="13">
        <v>1533</v>
      </c>
      <c r="D21" s="19">
        <v>785</v>
      </c>
      <c r="E21" s="19">
        <v>748</v>
      </c>
      <c r="F21" s="19"/>
      <c r="G21" s="18" t="s">
        <v>40</v>
      </c>
      <c r="H21" s="17"/>
      <c r="I21" s="13">
        <v>2194</v>
      </c>
      <c r="J21" s="19">
        <v>1063</v>
      </c>
      <c r="K21" s="19">
        <v>1131</v>
      </c>
    </row>
    <row r="22" spans="1:11" ht="15" customHeight="1">
      <c r="A22" s="17" t="s">
        <v>41</v>
      </c>
      <c r="B22" s="17"/>
      <c r="C22" s="13">
        <v>1540</v>
      </c>
      <c r="D22" s="19">
        <v>775</v>
      </c>
      <c r="E22" s="19">
        <v>765</v>
      </c>
      <c r="F22" s="19"/>
      <c r="G22" s="18" t="s">
        <v>42</v>
      </c>
      <c r="H22" s="17"/>
      <c r="I22" s="13">
        <v>2333</v>
      </c>
      <c r="J22" s="19">
        <v>1115</v>
      </c>
      <c r="K22" s="19">
        <v>1218</v>
      </c>
    </row>
    <row r="23" spans="1:11" ht="20.100000000000001" customHeight="1">
      <c r="A23" s="17" t="s">
        <v>43</v>
      </c>
      <c r="B23" s="17"/>
      <c r="C23" s="13">
        <v>8660</v>
      </c>
      <c r="D23" s="14">
        <v>4346</v>
      </c>
      <c r="E23" s="14">
        <v>4314</v>
      </c>
      <c r="F23" s="14"/>
      <c r="G23" s="18" t="s">
        <v>44</v>
      </c>
      <c r="H23" s="17"/>
      <c r="I23" s="13">
        <v>13340</v>
      </c>
      <c r="J23" s="14">
        <v>6504</v>
      </c>
      <c r="K23" s="14">
        <v>6836</v>
      </c>
    </row>
    <row r="24" spans="1:11" ht="15" customHeight="1">
      <c r="A24" s="17" t="s">
        <v>45</v>
      </c>
      <c r="B24" s="17"/>
      <c r="C24" s="13">
        <v>1584</v>
      </c>
      <c r="D24" s="19">
        <v>824</v>
      </c>
      <c r="E24" s="19">
        <v>760</v>
      </c>
      <c r="F24" s="19"/>
      <c r="G24" s="18" t="s">
        <v>46</v>
      </c>
      <c r="H24" s="17"/>
      <c r="I24" s="13">
        <v>2335</v>
      </c>
      <c r="J24" s="19">
        <v>1104</v>
      </c>
      <c r="K24" s="19">
        <v>1231</v>
      </c>
    </row>
    <row r="25" spans="1:11" ht="15" customHeight="1">
      <c r="A25" s="17" t="s">
        <v>47</v>
      </c>
      <c r="B25" s="17"/>
      <c r="C25" s="13">
        <v>1751</v>
      </c>
      <c r="D25" s="19">
        <v>879</v>
      </c>
      <c r="E25" s="19">
        <v>872</v>
      </c>
      <c r="F25" s="19"/>
      <c r="G25" s="18" t="s">
        <v>48</v>
      </c>
      <c r="H25" s="17"/>
      <c r="I25" s="13">
        <v>2446</v>
      </c>
      <c r="J25" s="19">
        <v>1215</v>
      </c>
      <c r="K25" s="19">
        <v>1231</v>
      </c>
    </row>
    <row r="26" spans="1:11" ht="15" customHeight="1">
      <c r="A26" s="17" t="s">
        <v>49</v>
      </c>
      <c r="B26" s="17"/>
      <c r="C26" s="13">
        <v>1783</v>
      </c>
      <c r="D26" s="19">
        <v>884</v>
      </c>
      <c r="E26" s="19">
        <v>899</v>
      </c>
      <c r="F26" s="19"/>
      <c r="G26" s="18" t="s">
        <v>50</v>
      </c>
      <c r="H26" s="17"/>
      <c r="I26" s="13">
        <v>2675</v>
      </c>
      <c r="J26" s="19">
        <v>1366</v>
      </c>
      <c r="K26" s="19">
        <v>1309</v>
      </c>
    </row>
    <row r="27" spans="1:11" ht="15" customHeight="1">
      <c r="A27" s="17" t="s">
        <v>51</v>
      </c>
      <c r="B27" s="17"/>
      <c r="C27" s="13">
        <v>1781</v>
      </c>
      <c r="D27" s="19">
        <v>914</v>
      </c>
      <c r="E27" s="19">
        <v>867</v>
      </c>
      <c r="F27" s="19"/>
      <c r="G27" s="18" t="s">
        <v>52</v>
      </c>
      <c r="H27" s="17"/>
      <c r="I27" s="13">
        <v>2871</v>
      </c>
      <c r="J27" s="19">
        <v>1357</v>
      </c>
      <c r="K27" s="19">
        <v>1514</v>
      </c>
    </row>
    <row r="28" spans="1:11" ht="15" customHeight="1">
      <c r="A28" s="17" t="s">
        <v>53</v>
      </c>
      <c r="B28" s="17"/>
      <c r="C28" s="13">
        <v>1761</v>
      </c>
      <c r="D28" s="19">
        <v>845</v>
      </c>
      <c r="E28" s="19">
        <v>916</v>
      </c>
      <c r="F28" s="19"/>
      <c r="G28" s="18" t="s">
        <v>54</v>
      </c>
      <c r="H28" s="17"/>
      <c r="I28" s="13">
        <v>3013</v>
      </c>
      <c r="J28" s="19">
        <v>1462</v>
      </c>
      <c r="K28" s="19">
        <v>1551</v>
      </c>
    </row>
    <row r="29" spans="1:11" ht="20.100000000000001" customHeight="1">
      <c r="A29" s="17" t="s">
        <v>55</v>
      </c>
      <c r="B29" s="17"/>
      <c r="C29" s="13">
        <v>8916</v>
      </c>
      <c r="D29" s="14">
        <v>4504</v>
      </c>
      <c r="E29" s="14">
        <v>4412</v>
      </c>
      <c r="F29" s="14"/>
      <c r="G29" s="18" t="s">
        <v>56</v>
      </c>
      <c r="H29" s="17"/>
      <c r="I29" s="13">
        <v>14134</v>
      </c>
      <c r="J29" s="14">
        <v>6723</v>
      </c>
      <c r="K29" s="14">
        <v>7411</v>
      </c>
    </row>
    <row r="30" spans="1:11" ht="15" customHeight="1">
      <c r="A30" s="17" t="s">
        <v>57</v>
      </c>
      <c r="B30" s="17"/>
      <c r="C30" s="13">
        <v>1820</v>
      </c>
      <c r="D30" s="19">
        <v>920</v>
      </c>
      <c r="E30" s="19">
        <v>900</v>
      </c>
      <c r="F30" s="19"/>
      <c r="G30" s="18" t="s">
        <v>58</v>
      </c>
      <c r="H30" s="17"/>
      <c r="I30" s="13">
        <v>3415</v>
      </c>
      <c r="J30" s="19">
        <v>1622</v>
      </c>
      <c r="K30" s="19">
        <v>1793</v>
      </c>
    </row>
    <row r="31" spans="1:11" ht="15" customHeight="1">
      <c r="A31" s="17" t="s">
        <v>59</v>
      </c>
      <c r="B31" s="17"/>
      <c r="C31" s="13">
        <v>1779</v>
      </c>
      <c r="D31" s="19">
        <v>926</v>
      </c>
      <c r="E31" s="19">
        <v>853</v>
      </c>
      <c r="F31" s="19"/>
      <c r="G31" s="18" t="s">
        <v>60</v>
      </c>
      <c r="H31" s="17"/>
      <c r="I31" s="13">
        <v>3207</v>
      </c>
      <c r="J31" s="19">
        <v>1566</v>
      </c>
      <c r="K31" s="19">
        <v>1641</v>
      </c>
    </row>
    <row r="32" spans="1:11" ht="15" customHeight="1">
      <c r="A32" s="17" t="s">
        <v>61</v>
      </c>
      <c r="B32" s="17"/>
      <c r="C32" s="13">
        <v>1817</v>
      </c>
      <c r="D32" s="19">
        <v>896</v>
      </c>
      <c r="E32" s="19">
        <v>921</v>
      </c>
      <c r="F32" s="19"/>
      <c r="G32" s="18" t="s">
        <v>62</v>
      </c>
      <c r="H32" s="17"/>
      <c r="I32" s="13">
        <v>3272</v>
      </c>
      <c r="J32" s="19">
        <v>1599</v>
      </c>
      <c r="K32" s="19">
        <v>1673</v>
      </c>
    </row>
    <row r="33" spans="1:11" ht="15" customHeight="1">
      <c r="A33" s="17" t="s">
        <v>63</v>
      </c>
      <c r="B33" s="17"/>
      <c r="C33" s="13">
        <v>1843</v>
      </c>
      <c r="D33" s="19">
        <v>913</v>
      </c>
      <c r="E33" s="19">
        <v>930</v>
      </c>
      <c r="F33" s="19"/>
      <c r="G33" s="18" t="s">
        <v>64</v>
      </c>
      <c r="H33" s="17"/>
      <c r="I33" s="13">
        <v>2236</v>
      </c>
      <c r="J33" s="19">
        <v>1056</v>
      </c>
      <c r="K33" s="19">
        <v>1180</v>
      </c>
    </row>
    <row r="34" spans="1:11" ht="15" customHeight="1">
      <c r="A34" s="17" t="s">
        <v>65</v>
      </c>
      <c r="B34" s="17"/>
      <c r="C34" s="13">
        <v>1657</v>
      </c>
      <c r="D34" s="19">
        <v>849</v>
      </c>
      <c r="E34" s="19">
        <v>808</v>
      </c>
      <c r="F34" s="19"/>
      <c r="G34" s="18" t="s">
        <v>66</v>
      </c>
      <c r="H34" s="17"/>
      <c r="I34" s="13">
        <v>2004</v>
      </c>
      <c r="J34" s="19">
        <v>880</v>
      </c>
      <c r="K34" s="19">
        <v>1124</v>
      </c>
    </row>
    <row r="35" spans="1:11" ht="20.100000000000001" customHeight="1">
      <c r="A35" s="17" t="s">
        <v>67</v>
      </c>
      <c r="B35" s="17"/>
      <c r="C35" s="13">
        <v>8331</v>
      </c>
      <c r="D35" s="14">
        <v>4187</v>
      </c>
      <c r="E35" s="14">
        <v>4144</v>
      </c>
      <c r="F35" s="14"/>
      <c r="G35" s="18" t="s">
        <v>68</v>
      </c>
      <c r="H35" s="17"/>
      <c r="I35" s="13">
        <v>11847</v>
      </c>
      <c r="J35" s="14">
        <v>5259</v>
      </c>
      <c r="K35" s="14">
        <v>6588</v>
      </c>
    </row>
    <row r="36" spans="1:11" ht="15" customHeight="1">
      <c r="A36" s="17" t="s">
        <v>69</v>
      </c>
      <c r="B36" s="17"/>
      <c r="C36" s="13">
        <v>1712</v>
      </c>
      <c r="D36" s="19">
        <v>803</v>
      </c>
      <c r="E36" s="19">
        <v>909</v>
      </c>
      <c r="F36" s="19"/>
      <c r="G36" s="18" t="s">
        <v>70</v>
      </c>
      <c r="H36" s="17"/>
      <c r="I36" s="13">
        <v>2398</v>
      </c>
      <c r="J36" s="19">
        <v>1104</v>
      </c>
      <c r="K36" s="19">
        <v>1294</v>
      </c>
    </row>
    <row r="37" spans="1:11" ht="15" customHeight="1">
      <c r="A37" s="17" t="s">
        <v>71</v>
      </c>
      <c r="B37" s="17"/>
      <c r="C37" s="13">
        <v>1638</v>
      </c>
      <c r="D37" s="19">
        <v>851</v>
      </c>
      <c r="E37" s="19">
        <v>787</v>
      </c>
      <c r="F37" s="19"/>
      <c r="G37" s="18" t="s">
        <v>72</v>
      </c>
      <c r="H37" s="17"/>
      <c r="I37" s="13">
        <v>2586</v>
      </c>
      <c r="J37" s="19">
        <v>1177</v>
      </c>
      <c r="K37" s="19">
        <v>1409</v>
      </c>
    </row>
    <row r="38" spans="1:11" ht="15" customHeight="1">
      <c r="A38" s="17" t="s">
        <v>73</v>
      </c>
      <c r="B38" s="17"/>
      <c r="C38" s="13">
        <v>1635</v>
      </c>
      <c r="D38" s="19">
        <v>812</v>
      </c>
      <c r="E38" s="19">
        <v>823</v>
      </c>
      <c r="F38" s="19"/>
      <c r="G38" s="18" t="s">
        <v>74</v>
      </c>
      <c r="H38" s="17"/>
      <c r="I38" s="13">
        <v>2374</v>
      </c>
      <c r="J38" s="19">
        <v>1018</v>
      </c>
      <c r="K38" s="19">
        <v>1356</v>
      </c>
    </row>
    <row r="39" spans="1:11" ht="15" customHeight="1">
      <c r="A39" s="17" t="s">
        <v>75</v>
      </c>
      <c r="B39" s="17"/>
      <c r="C39" s="13">
        <v>1667</v>
      </c>
      <c r="D39" s="19">
        <v>839</v>
      </c>
      <c r="E39" s="19">
        <v>828</v>
      </c>
      <c r="F39" s="19"/>
      <c r="G39" s="18" t="s">
        <v>76</v>
      </c>
      <c r="H39" s="17"/>
      <c r="I39" s="13">
        <v>2318</v>
      </c>
      <c r="J39" s="19">
        <v>996</v>
      </c>
      <c r="K39" s="19">
        <v>1322</v>
      </c>
    </row>
    <row r="40" spans="1:11" ht="15" customHeight="1">
      <c r="A40" s="17" t="s">
        <v>77</v>
      </c>
      <c r="B40" s="17"/>
      <c r="C40" s="13">
        <v>1679</v>
      </c>
      <c r="D40" s="19">
        <v>882</v>
      </c>
      <c r="E40" s="19">
        <v>797</v>
      </c>
      <c r="F40" s="19"/>
      <c r="G40" s="18" t="s">
        <v>78</v>
      </c>
      <c r="H40" s="17"/>
      <c r="I40" s="13">
        <v>2171</v>
      </c>
      <c r="J40" s="19">
        <v>964</v>
      </c>
      <c r="K40" s="19">
        <v>1207</v>
      </c>
    </row>
    <row r="41" spans="1:11" ht="20.100000000000001" customHeight="1">
      <c r="A41" s="17" t="s">
        <v>79</v>
      </c>
      <c r="B41" s="17"/>
      <c r="C41" s="13">
        <v>9007</v>
      </c>
      <c r="D41" s="14">
        <v>4578</v>
      </c>
      <c r="E41" s="14">
        <v>4429</v>
      </c>
      <c r="F41" s="14"/>
      <c r="G41" s="18" t="s">
        <v>80</v>
      </c>
      <c r="H41" s="17"/>
      <c r="I41" s="13">
        <v>8568</v>
      </c>
      <c r="J41" s="14">
        <v>3511</v>
      </c>
      <c r="K41" s="14">
        <v>5057</v>
      </c>
    </row>
    <row r="42" spans="1:11" ht="15" customHeight="1">
      <c r="A42" s="17" t="s">
        <v>81</v>
      </c>
      <c r="B42" s="17"/>
      <c r="C42" s="13">
        <v>1718</v>
      </c>
      <c r="D42" s="19">
        <v>871</v>
      </c>
      <c r="E42" s="19">
        <v>847</v>
      </c>
      <c r="F42" s="19"/>
      <c r="G42" s="18" t="s">
        <v>82</v>
      </c>
      <c r="H42" s="17"/>
      <c r="I42" s="13">
        <v>1863</v>
      </c>
      <c r="J42" s="19">
        <v>769</v>
      </c>
      <c r="K42" s="19">
        <v>1094</v>
      </c>
    </row>
    <row r="43" spans="1:11" ht="15" customHeight="1">
      <c r="A43" s="17" t="s">
        <v>83</v>
      </c>
      <c r="B43" s="17"/>
      <c r="C43" s="13">
        <v>1729</v>
      </c>
      <c r="D43" s="19">
        <v>867</v>
      </c>
      <c r="E43" s="19">
        <v>862</v>
      </c>
      <c r="F43" s="19"/>
      <c r="G43" s="18" t="s">
        <v>84</v>
      </c>
      <c r="H43" s="17"/>
      <c r="I43" s="13">
        <v>1717</v>
      </c>
      <c r="J43" s="19">
        <v>721</v>
      </c>
      <c r="K43" s="19">
        <v>996</v>
      </c>
    </row>
    <row r="44" spans="1:11" ht="15" customHeight="1">
      <c r="A44" s="17" t="s">
        <v>85</v>
      </c>
      <c r="B44" s="17"/>
      <c r="C44" s="13">
        <v>1834</v>
      </c>
      <c r="D44" s="19">
        <v>912</v>
      </c>
      <c r="E44" s="19">
        <v>922</v>
      </c>
      <c r="F44" s="19"/>
      <c r="G44" s="18" t="s">
        <v>86</v>
      </c>
      <c r="H44" s="17"/>
      <c r="I44" s="13">
        <v>1834</v>
      </c>
      <c r="J44" s="19">
        <v>768</v>
      </c>
      <c r="K44" s="19">
        <v>1066</v>
      </c>
    </row>
    <row r="45" spans="1:11" ht="15" customHeight="1">
      <c r="A45" s="17" t="s">
        <v>87</v>
      </c>
      <c r="B45" s="17"/>
      <c r="C45" s="13">
        <v>1785</v>
      </c>
      <c r="D45" s="19">
        <v>894</v>
      </c>
      <c r="E45" s="19">
        <v>891</v>
      </c>
      <c r="F45" s="19"/>
      <c r="G45" s="18" t="s">
        <v>88</v>
      </c>
      <c r="H45" s="17"/>
      <c r="I45" s="13">
        <v>1585</v>
      </c>
      <c r="J45" s="19">
        <v>624</v>
      </c>
      <c r="K45" s="19">
        <v>961</v>
      </c>
    </row>
    <row r="46" spans="1:11" ht="15" customHeight="1">
      <c r="A46" s="17" t="s">
        <v>89</v>
      </c>
      <c r="B46" s="17"/>
      <c r="C46" s="13">
        <v>1941</v>
      </c>
      <c r="D46" s="19">
        <v>1034</v>
      </c>
      <c r="E46" s="19">
        <v>907</v>
      </c>
      <c r="F46" s="19"/>
      <c r="G46" s="18" t="s">
        <v>90</v>
      </c>
      <c r="H46" s="17"/>
      <c r="I46" s="13">
        <v>1569</v>
      </c>
      <c r="J46" s="19">
        <v>629</v>
      </c>
      <c r="K46" s="19">
        <v>940</v>
      </c>
    </row>
    <row r="47" spans="1:11" ht="20.100000000000001" customHeight="1">
      <c r="A47" s="17" t="s">
        <v>91</v>
      </c>
      <c r="B47" s="17"/>
      <c r="C47" s="13">
        <v>10608</v>
      </c>
      <c r="D47" s="14">
        <v>5267</v>
      </c>
      <c r="E47" s="14">
        <v>5341</v>
      </c>
      <c r="F47" s="14"/>
      <c r="G47" s="18" t="s">
        <v>92</v>
      </c>
      <c r="H47" s="17"/>
      <c r="I47" s="13">
        <v>5608</v>
      </c>
      <c r="J47" s="14">
        <v>2013</v>
      </c>
      <c r="K47" s="14">
        <v>3595</v>
      </c>
    </row>
    <row r="48" spans="1:11" ht="15" customHeight="1">
      <c r="A48" s="17" t="s">
        <v>93</v>
      </c>
      <c r="B48" s="17"/>
      <c r="C48" s="13">
        <v>2014</v>
      </c>
      <c r="D48" s="19">
        <v>991</v>
      </c>
      <c r="E48" s="19">
        <v>1023</v>
      </c>
      <c r="F48" s="19"/>
      <c r="G48" s="18" t="s">
        <v>94</v>
      </c>
      <c r="H48" s="17"/>
      <c r="I48" s="13">
        <v>1388</v>
      </c>
      <c r="J48" s="19">
        <v>528</v>
      </c>
      <c r="K48" s="19">
        <v>860</v>
      </c>
    </row>
    <row r="49" spans="1:11" ht="15" customHeight="1">
      <c r="A49" s="17" t="s">
        <v>95</v>
      </c>
      <c r="B49" s="17"/>
      <c r="C49" s="13">
        <v>2115</v>
      </c>
      <c r="D49" s="19">
        <v>1054</v>
      </c>
      <c r="E49" s="19">
        <v>1061</v>
      </c>
      <c r="F49" s="19"/>
      <c r="G49" s="18" t="s">
        <v>96</v>
      </c>
      <c r="H49" s="17"/>
      <c r="I49" s="13">
        <v>1281</v>
      </c>
      <c r="J49" s="19">
        <v>480</v>
      </c>
      <c r="K49" s="19">
        <v>801</v>
      </c>
    </row>
    <row r="50" spans="1:11" ht="15" customHeight="1">
      <c r="A50" s="17" t="s">
        <v>97</v>
      </c>
      <c r="B50" s="17"/>
      <c r="C50" s="13">
        <v>2103</v>
      </c>
      <c r="D50" s="19">
        <v>1041</v>
      </c>
      <c r="E50" s="19">
        <v>1062</v>
      </c>
      <c r="F50" s="19"/>
      <c r="G50" s="18" t="s">
        <v>98</v>
      </c>
      <c r="H50" s="17"/>
      <c r="I50" s="13">
        <v>1125</v>
      </c>
      <c r="J50" s="19">
        <v>399</v>
      </c>
      <c r="K50" s="19">
        <v>726</v>
      </c>
    </row>
    <row r="51" spans="1:11" ht="15" customHeight="1">
      <c r="A51" s="17" t="s">
        <v>99</v>
      </c>
      <c r="B51" s="17"/>
      <c r="C51" s="13">
        <v>2145</v>
      </c>
      <c r="D51" s="19">
        <v>1062</v>
      </c>
      <c r="E51" s="19">
        <v>1083</v>
      </c>
      <c r="F51" s="19"/>
      <c r="G51" s="18" t="s">
        <v>100</v>
      </c>
      <c r="H51" s="17"/>
      <c r="I51" s="13">
        <v>983</v>
      </c>
      <c r="J51" s="19">
        <v>338</v>
      </c>
      <c r="K51" s="19">
        <v>645</v>
      </c>
    </row>
    <row r="52" spans="1:11" ht="15" customHeight="1">
      <c r="A52" s="17" t="s">
        <v>101</v>
      </c>
      <c r="B52" s="17"/>
      <c r="C52" s="13">
        <v>2231</v>
      </c>
      <c r="D52" s="19">
        <v>1119</v>
      </c>
      <c r="E52" s="19">
        <v>1112</v>
      </c>
      <c r="F52" s="19"/>
      <c r="G52" s="18" t="s">
        <v>102</v>
      </c>
      <c r="H52" s="17"/>
      <c r="I52" s="13">
        <v>831</v>
      </c>
      <c r="J52" s="19">
        <v>268</v>
      </c>
      <c r="K52" s="19">
        <v>563</v>
      </c>
    </row>
    <row r="53" spans="1:11" ht="20.100000000000001" customHeight="1">
      <c r="A53" s="17" t="s">
        <v>103</v>
      </c>
      <c r="B53" s="17"/>
      <c r="C53" s="13">
        <v>12396</v>
      </c>
      <c r="D53" s="14">
        <v>6319</v>
      </c>
      <c r="E53" s="14">
        <v>6077</v>
      </c>
      <c r="F53" s="14"/>
      <c r="G53" s="18" t="s">
        <v>104</v>
      </c>
      <c r="H53" s="17"/>
      <c r="I53" s="13">
        <v>2703</v>
      </c>
      <c r="J53" s="14">
        <v>756</v>
      </c>
      <c r="K53" s="14">
        <v>1947</v>
      </c>
    </row>
    <row r="54" spans="1:11" ht="15" customHeight="1">
      <c r="A54" s="17" t="s">
        <v>105</v>
      </c>
      <c r="B54" s="17"/>
      <c r="C54" s="13">
        <v>2252</v>
      </c>
      <c r="D54" s="19">
        <v>1166</v>
      </c>
      <c r="E54" s="19">
        <v>1086</v>
      </c>
      <c r="F54" s="19"/>
      <c r="G54" s="18" t="s">
        <v>106</v>
      </c>
      <c r="H54" s="17"/>
      <c r="I54" s="13">
        <v>747</v>
      </c>
      <c r="J54" s="19">
        <v>228</v>
      </c>
      <c r="K54" s="19">
        <v>519</v>
      </c>
    </row>
    <row r="55" spans="1:11" ht="15" customHeight="1">
      <c r="A55" s="17" t="s">
        <v>107</v>
      </c>
      <c r="B55" s="17"/>
      <c r="C55" s="13">
        <v>2395</v>
      </c>
      <c r="D55" s="19">
        <v>1210</v>
      </c>
      <c r="E55" s="19">
        <v>1185</v>
      </c>
      <c r="F55" s="19"/>
      <c r="G55" s="18" t="s">
        <v>108</v>
      </c>
      <c r="H55" s="17"/>
      <c r="I55" s="13">
        <v>631</v>
      </c>
      <c r="J55" s="19">
        <v>174</v>
      </c>
      <c r="K55" s="19">
        <v>457</v>
      </c>
    </row>
    <row r="56" spans="1:11" ht="15" customHeight="1">
      <c r="A56" s="17" t="s">
        <v>109</v>
      </c>
      <c r="B56" s="17"/>
      <c r="C56" s="13">
        <v>2490</v>
      </c>
      <c r="D56" s="19">
        <v>1280</v>
      </c>
      <c r="E56" s="19">
        <v>1210</v>
      </c>
      <c r="F56" s="19"/>
      <c r="G56" s="18" t="s">
        <v>110</v>
      </c>
      <c r="H56" s="17"/>
      <c r="I56" s="13">
        <v>532</v>
      </c>
      <c r="J56" s="19">
        <v>146</v>
      </c>
      <c r="K56" s="19">
        <v>386</v>
      </c>
    </row>
    <row r="57" spans="1:11" ht="15" customHeight="1">
      <c r="A57" s="17" t="s">
        <v>111</v>
      </c>
      <c r="B57" s="17"/>
      <c r="C57" s="13">
        <v>2437</v>
      </c>
      <c r="D57" s="19">
        <v>1190</v>
      </c>
      <c r="E57" s="19">
        <v>1247</v>
      </c>
      <c r="F57" s="19"/>
      <c r="G57" s="18" t="s">
        <v>112</v>
      </c>
      <c r="H57" s="17"/>
      <c r="I57" s="13">
        <v>438</v>
      </c>
      <c r="J57" s="19">
        <v>121</v>
      </c>
      <c r="K57" s="19">
        <v>317</v>
      </c>
    </row>
    <row r="58" spans="1:11" ht="15" customHeight="1">
      <c r="A58" s="17" t="s">
        <v>113</v>
      </c>
      <c r="B58" s="17"/>
      <c r="C58" s="13">
        <v>2822</v>
      </c>
      <c r="D58" s="19">
        <v>1473</v>
      </c>
      <c r="E58" s="19">
        <v>1349</v>
      </c>
      <c r="F58" s="19"/>
      <c r="G58" s="18" t="s">
        <v>114</v>
      </c>
      <c r="H58" s="17"/>
      <c r="I58" s="13">
        <v>355</v>
      </c>
      <c r="J58" s="19">
        <v>87</v>
      </c>
      <c r="K58" s="19">
        <v>268</v>
      </c>
    </row>
    <row r="59" spans="1:11" ht="20.100000000000001" customHeight="1">
      <c r="A59" s="17" t="s">
        <v>115</v>
      </c>
      <c r="B59" s="17"/>
      <c r="C59" s="13">
        <v>15004</v>
      </c>
      <c r="D59" s="14">
        <v>7586</v>
      </c>
      <c r="E59" s="14">
        <v>7418</v>
      </c>
      <c r="F59" s="14"/>
      <c r="G59" s="18" t="s">
        <v>116</v>
      </c>
      <c r="H59" s="17"/>
      <c r="I59" s="13">
        <v>733</v>
      </c>
      <c r="J59" s="14">
        <v>154</v>
      </c>
      <c r="K59" s="14">
        <v>579</v>
      </c>
    </row>
    <row r="60" spans="1:11" ht="15" customHeight="1">
      <c r="A60" s="17" t="s">
        <v>117</v>
      </c>
      <c r="B60" s="17"/>
      <c r="C60" s="13">
        <v>2903</v>
      </c>
      <c r="D60" s="19">
        <v>1468</v>
      </c>
      <c r="E60" s="19">
        <v>1435</v>
      </c>
      <c r="F60" s="19"/>
      <c r="G60" s="18" t="s">
        <v>118</v>
      </c>
      <c r="H60" s="17"/>
      <c r="I60" s="13">
        <v>267</v>
      </c>
      <c r="J60" s="19">
        <v>63</v>
      </c>
      <c r="K60" s="19">
        <v>204</v>
      </c>
    </row>
    <row r="61" spans="1:11" ht="15" customHeight="1">
      <c r="A61" s="17" t="s">
        <v>119</v>
      </c>
      <c r="B61" s="17"/>
      <c r="C61" s="13">
        <v>3022</v>
      </c>
      <c r="D61" s="19">
        <v>1523</v>
      </c>
      <c r="E61" s="19">
        <v>1499</v>
      </c>
      <c r="F61" s="19"/>
      <c r="G61" s="18" t="s">
        <v>120</v>
      </c>
      <c r="H61" s="17"/>
      <c r="I61" s="13">
        <v>186</v>
      </c>
      <c r="J61" s="19">
        <v>38</v>
      </c>
      <c r="K61" s="19">
        <v>148</v>
      </c>
    </row>
    <row r="62" spans="1:11" ht="15" customHeight="1">
      <c r="A62" s="17" t="s">
        <v>121</v>
      </c>
      <c r="B62" s="17"/>
      <c r="C62" s="13">
        <v>3088</v>
      </c>
      <c r="D62" s="19">
        <v>1540</v>
      </c>
      <c r="E62" s="19">
        <v>1548</v>
      </c>
      <c r="F62" s="19"/>
      <c r="G62" s="18" t="s">
        <v>122</v>
      </c>
      <c r="H62" s="17"/>
      <c r="I62" s="13">
        <v>125</v>
      </c>
      <c r="J62" s="19">
        <v>24</v>
      </c>
      <c r="K62" s="19">
        <v>101</v>
      </c>
    </row>
    <row r="63" spans="1:11" ht="15" customHeight="1">
      <c r="A63" s="17" t="s">
        <v>123</v>
      </c>
      <c r="B63" s="17"/>
      <c r="C63" s="13">
        <v>3021</v>
      </c>
      <c r="D63" s="19">
        <v>1556</v>
      </c>
      <c r="E63" s="19">
        <v>1465</v>
      </c>
      <c r="F63" s="19"/>
      <c r="G63" s="18" t="s">
        <v>124</v>
      </c>
      <c r="H63" s="17"/>
      <c r="I63" s="13">
        <v>114</v>
      </c>
      <c r="J63" s="19">
        <v>23</v>
      </c>
      <c r="K63" s="19">
        <v>91</v>
      </c>
    </row>
    <row r="64" spans="1:11" ht="15" customHeight="1">
      <c r="A64" s="17" t="s">
        <v>125</v>
      </c>
      <c r="B64" s="17"/>
      <c r="C64" s="13">
        <v>2970</v>
      </c>
      <c r="D64" s="19">
        <v>1499</v>
      </c>
      <c r="E64" s="19">
        <v>1471</v>
      </c>
      <c r="F64" s="19"/>
      <c r="G64" s="18" t="s">
        <v>126</v>
      </c>
      <c r="H64" s="17"/>
      <c r="I64" s="13">
        <v>41</v>
      </c>
      <c r="J64" s="19">
        <v>6</v>
      </c>
      <c r="K64" s="19">
        <v>3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6</v>
      </c>
      <c r="J65" s="19">
        <v>15</v>
      </c>
      <c r="K65" s="19">
        <v>9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23</v>
      </c>
      <c r="J66" s="29">
        <v>682</v>
      </c>
      <c r="K66" s="29">
        <v>54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7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1685</v>
      </c>
      <c r="D4" s="14">
        <v>20515</v>
      </c>
      <c r="E4" s="14">
        <v>2117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71</v>
      </c>
      <c r="D5" s="14">
        <v>671</v>
      </c>
      <c r="E5" s="14">
        <v>600</v>
      </c>
      <c r="F5" s="14"/>
      <c r="G5" s="18" t="s">
        <v>8</v>
      </c>
      <c r="H5" s="17"/>
      <c r="I5" s="13">
        <v>3035</v>
      </c>
      <c r="J5" s="14">
        <v>1516</v>
      </c>
      <c r="K5" s="14">
        <v>1519</v>
      </c>
    </row>
    <row r="6" spans="1:11" ht="15" customHeight="1">
      <c r="A6" s="17" t="s">
        <v>9</v>
      </c>
      <c r="B6" s="17"/>
      <c r="C6" s="13">
        <v>224</v>
      </c>
      <c r="D6" s="19">
        <v>104</v>
      </c>
      <c r="E6" s="19">
        <v>120</v>
      </c>
      <c r="F6" s="19"/>
      <c r="G6" s="18" t="s">
        <v>10</v>
      </c>
      <c r="H6" s="17"/>
      <c r="I6" s="13">
        <v>647</v>
      </c>
      <c r="J6" s="19">
        <v>318</v>
      </c>
      <c r="K6" s="19">
        <v>329</v>
      </c>
    </row>
    <row r="7" spans="1:11" ht="15" customHeight="1">
      <c r="A7" s="17" t="s">
        <v>11</v>
      </c>
      <c r="B7" s="17"/>
      <c r="C7" s="13">
        <v>244</v>
      </c>
      <c r="D7" s="19">
        <v>128</v>
      </c>
      <c r="E7" s="19">
        <v>116</v>
      </c>
      <c r="F7" s="19"/>
      <c r="G7" s="18" t="s">
        <v>12</v>
      </c>
      <c r="H7" s="17"/>
      <c r="I7" s="13">
        <v>627</v>
      </c>
      <c r="J7" s="19">
        <v>332</v>
      </c>
      <c r="K7" s="19">
        <v>295</v>
      </c>
    </row>
    <row r="8" spans="1:11" ht="15" customHeight="1">
      <c r="A8" s="17" t="s">
        <v>13</v>
      </c>
      <c r="B8" s="17"/>
      <c r="C8" s="13">
        <v>253</v>
      </c>
      <c r="D8" s="19">
        <v>134</v>
      </c>
      <c r="E8" s="19">
        <v>119</v>
      </c>
      <c r="F8" s="19"/>
      <c r="G8" s="18" t="s">
        <v>14</v>
      </c>
      <c r="H8" s="17"/>
      <c r="I8" s="13">
        <v>631</v>
      </c>
      <c r="J8" s="19">
        <v>312</v>
      </c>
      <c r="K8" s="19">
        <v>319</v>
      </c>
    </row>
    <row r="9" spans="1:11" ht="15" customHeight="1">
      <c r="A9" s="17" t="s">
        <v>15</v>
      </c>
      <c r="B9" s="17"/>
      <c r="C9" s="13">
        <v>270</v>
      </c>
      <c r="D9" s="19">
        <v>156</v>
      </c>
      <c r="E9" s="19">
        <v>114</v>
      </c>
      <c r="F9" s="19"/>
      <c r="G9" s="18" t="s">
        <v>16</v>
      </c>
      <c r="H9" s="17"/>
      <c r="I9" s="13">
        <v>462</v>
      </c>
      <c r="J9" s="19">
        <v>230</v>
      </c>
      <c r="K9" s="19">
        <v>232</v>
      </c>
    </row>
    <row r="10" spans="1:11" ht="15" customHeight="1">
      <c r="A10" s="17" t="s">
        <v>17</v>
      </c>
      <c r="B10" s="17"/>
      <c r="C10" s="13">
        <v>280</v>
      </c>
      <c r="D10" s="19">
        <v>149</v>
      </c>
      <c r="E10" s="19">
        <v>131</v>
      </c>
      <c r="F10" s="19"/>
      <c r="G10" s="18" t="s">
        <v>18</v>
      </c>
      <c r="H10" s="17"/>
      <c r="I10" s="13">
        <v>668</v>
      </c>
      <c r="J10" s="19">
        <v>324</v>
      </c>
      <c r="K10" s="19">
        <v>344</v>
      </c>
    </row>
    <row r="11" spans="1:11" ht="20.100000000000001" customHeight="1">
      <c r="A11" s="17" t="s">
        <v>19</v>
      </c>
      <c r="B11" s="17"/>
      <c r="C11" s="13">
        <v>1653</v>
      </c>
      <c r="D11" s="14">
        <v>838</v>
      </c>
      <c r="E11" s="14">
        <v>815</v>
      </c>
      <c r="F11" s="14"/>
      <c r="G11" s="18" t="s">
        <v>20</v>
      </c>
      <c r="H11" s="17"/>
      <c r="I11" s="13">
        <v>2621</v>
      </c>
      <c r="J11" s="14">
        <v>1336</v>
      </c>
      <c r="K11" s="14">
        <v>1285</v>
      </c>
    </row>
    <row r="12" spans="1:11" ht="15" customHeight="1">
      <c r="A12" s="17" t="s">
        <v>21</v>
      </c>
      <c r="B12" s="17"/>
      <c r="C12" s="13">
        <v>282</v>
      </c>
      <c r="D12" s="19">
        <v>140</v>
      </c>
      <c r="E12" s="19">
        <v>142</v>
      </c>
      <c r="F12" s="19"/>
      <c r="G12" s="18" t="s">
        <v>22</v>
      </c>
      <c r="H12" s="17"/>
      <c r="I12" s="13">
        <v>583</v>
      </c>
      <c r="J12" s="19">
        <v>320</v>
      </c>
      <c r="K12" s="19">
        <v>263</v>
      </c>
    </row>
    <row r="13" spans="1:11" ht="15" customHeight="1">
      <c r="A13" s="17" t="s">
        <v>23</v>
      </c>
      <c r="B13" s="17"/>
      <c r="C13" s="13">
        <v>333</v>
      </c>
      <c r="D13" s="19">
        <v>174</v>
      </c>
      <c r="E13" s="19">
        <v>159</v>
      </c>
      <c r="F13" s="19"/>
      <c r="G13" s="18" t="s">
        <v>24</v>
      </c>
      <c r="H13" s="17"/>
      <c r="I13" s="13">
        <v>567</v>
      </c>
      <c r="J13" s="19">
        <v>277</v>
      </c>
      <c r="K13" s="19">
        <v>290</v>
      </c>
    </row>
    <row r="14" spans="1:11" ht="15" customHeight="1">
      <c r="A14" s="17" t="s">
        <v>25</v>
      </c>
      <c r="B14" s="17"/>
      <c r="C14" s="13">
        <v>337</v>
      </c>
      <c r="D14" s="19">
        <v>170</v>
      </c>
      <c r="E14" s="19">
        <v>167</v>
      </c>
      <c r="F14" s="19"/>
      <c r="G14" s="18" t="s">
        <v>26</v>
      </c>
      <c r="H14" s="17"/>
      <c r="I14" s="13">
        <v>479</v>
      </c>
      <c r="J14" s="19">
        <v>240</v>
      </c>
      <c r="K14" s="19">
        <v>239</v>
      </c>
    </row>
    <row r="15" spans="1:11" ht="15" customHeight="1">
      <c r="A15" s="17" t="s">
        <v>27</v>
      </c>
      <c r="B15" s="17"/>
      <c r="C15" s="13">
        <v>350</v>
      </c>
      <c r="D15" s="19">
        <v>178</v>
      </c>
      <c r="E15" s="19">
        <v>172</v>
      </c>
      <c r="F15" s="19"/>
      <c r="G15" s="18" t="s">
        <v>28</v>
      </c>
      <c r="H15" s="17"/>
      <c r="I15" s="13">
        <v>489</v>
      </c>
      <c r="J15" s="19">
        <v>248</v>
      </c>
      <c r="K15" s="19">
        <v>241</v>
      </c>
    </row>
    <row r="16" spans="1:11" ht="15" customHeight="1">
      <c r="A16" s="17" t="s">
        <v>29</v>
      </c>
      <c r="B16" s="17"/>
      <c r="C16" s="13">
        <v>351</v>
      </c>
      <c r="D16" s="19">
        <v>176</v>
      </c>
      <c r="E16" s="19">
        <v>175</v>
      </c>
      <c r="F16" s="19"/>
      <c r="G16" s="18" t="s">
        <v>30</v>
      </c>
      <c r="H16" s="17"/>
      <c r="I16" s="13">
        <v>503</v>
      </c>
      <c r="J16" s="19">
        <v>251</v>
      </c>
      <c r="K16" s="19">
        <v>252</v>
      </c>
    </row>
    <row r="17" spans="1:11" ht="20.100000000000001" customHeight="1">
      <c r="A17" s="20" t="s">
        <v>31</v>
      </c>
      <c r="B17" s="20"/>
      <c r="C17" s="13">
        <v>1800</v>
      </c>
      <c r="D17" s="14">
        <v>923</v>
      </c>
      <c r="E17" s="14">
        <v>877</v>
      </c>
      <c r="F17" s="14"/>
      <c r="G17" s="18" t="s">
        <v>32</v>
      </c>
      <c r="H17" s="17"/>
      <c r="I17" s="13">
        <v>2473</v>
      </c>
      <c r="J17" s="14">
        <v>1256</v>
      </c>
      <c r="K17" s="14">
        <v>1217</v>
      </c>
    </row>
    <row r="18" spans="1:11" ht="15" customHeight="1">
      <c r="A18" s="17" t="s">
        <v>33</v>
      </c>
      <c r="B18" s="17"/>
      <c r="C18" s="13">
        <v>327</v>
      </c>
      <c r="D18" s="19">
        <v>172</v>
      </c>
      <c r="E18" s="19">
        <v>155</v>
      </c>
      <c r="F18" s="19"/>
      <c r="G18" s="18" t="s">
        <v>34</v>
      </c>
      <c r="H18" s="17"/>
      <c r="I18" s="13">
        <v>485</v>
      </c>
      <c r="J18" s="19">
        <v>248</v>
      </c>
      <c r="K18" s="19">
        <v>237</v>
      </c>
    </row>
    <row r="19" spans="1:11" ht="15" customHeight="1">
      <c r="A19" s="17" t="s">
        <v>35</v>
      </c>
      <c r="B19" s="17"/>
      <c r="C19" s="13">
        <v>378</v>
      </c>
      <c r="D19" s="19">
        <v>202</v>
      </c>
      <c r="E19" s="19">
        <v>176</v>
      </c>
      <c r="F19" s="19"/>
      <c r="G19" s="18" t="s">
        <v>36</v>
      </c>
      <c r="H19" s="17"/>
      <c r="I19" s="13">
        <v>513</v>
      </c>
      <c r="J19" s="19">
        <v>261</v>
      </c>
      <c r="K19" s="19">
        <v>252</v>
      </c>
    </row>
    <row r="20" spans="1:11" ht="15" customHeight="1">
      <c r="A20" s="17" t="s">
        <v>37</v>
      </c>
      <c r="B20" s="17"/>
      <c r="C20" s="13">
        <v>368</v>
      </c>
      <c r="D20" s="19">
        <v>176</v>
      </c>
      <c r="E20" s="19">
        <v>192</v>
      </c>
      <c r="F20" s="19"/>
      <c r="G20" s="18" t="s">
        <v>38</v>
      </c>
      <c r="H20" s="17"/>
      <c r="I20" s="13">
        <v>446</v>
      </c>
      <c r="J20" s="19">
        <v>232</v>
      </c>
      <c r="K20" s="19">
        <v>214</v>
      </c>
    </row>
    <row r="21" spans="1:11" ht="15" customHeight="1">
      <c r="A21" s="17" t="s">
        <v>39</v>
      </c>
      <c r="B21" s="17"/>
      <c r="C21" s="13">
        <v>360</v>
      </c>
      <c r="D21" s="19">
        <v>189</v>
      </c>
      <c r="E21" s="19">
        <v>171</v>
      </c>
      <c r="F21" s="19"/>
      <c r="G21" s="18" t="s">
        <v>40</v>
      </c>
      <c r="H21" s="17"/>
      <c r="I21" s="13">
        <v>509</v>
      </c>
      <c r="J21" s="19">
        <v>264</v>
      </c>
      <c r="K21" s="19">
        <v>245</v>
      </c>
    </row>
    <row r="22" spans="1:11" ht="15" customHeight="1">
      <c r="A22" s="17" t="s">
        <v>41</v>
      </c>
      <c r="B22" s="17"/>
      <c r="C22" s="13">
        <v>367</v>
      </c>
      <c r="D22" s="19">
        <v>184</v>
      </c>
      <c r="E22" s="19">
        <v>183</v>
      </c>
      <c r="F22" s="19"/>
      <c r="G22" s="18" t="s">
        <v>42</v>
      </c>
      <c r="H22" s="17"/>
      <c r="I22" s="13">
        <v>520</v>
      </c>
      <c r="J22" s="19">
        <v>251</v>
      </c>
      <c r="K22" s="19">
        <v>269</v>
      </c>
    </row>
    <row r="23" spans="1:11" ht="20.100000000000001" customHeight="1">
      <c r="A23" s="17" t="s">
        <v>43</v>
      </c>
      <c r="B23" s="17"/>
      <c r="C23" s="13">
        <v>2016</v>
      </c>
      <c r="D23" s="14">
        <v>1062</v>
      </c>
      <c r="E23" s="14">
        <v>954</v>
      </c>
      <c r="F23" s="14"/>
      <c r="G23" s="18" t="s">
        <v>44</v>
      </c>
      <c r="H23" s="17"/>
      <c r="I23" s="13">
        <v>3057</v>
      </c>
      <c r="J23" s="14">
        <v>1468</v>
      </c>
      <c r="K23" s="14">
        <v>1589</v>
      </c>
    </row>
    <row r="24" spans="1:11" ht="15" customHeight="1">
      <c r="A24" s="17" t="s">
        <v>45</v>
      </c>
      <c r="B24" s="17"/>
      <c r="C24" s="13">
        <v>384</v>
      </c>
      <c r="D24" s="19">
        <v>208</v>
      </c>
      <c r="E24" s="19">
        <v>176</v>
      </c>
      <c r="F24" s="19"/>
      <c r="G24" s="18" t="s">
        <v>46</v>
      </c>
      <c r="H24" s="17"/>
      <c r="I24" s="13">
        <v>508</v>
      </c>
      <c r="J24" s="19">
        <v>247</v>
      </c>
      <c r="K24" s="19">
        <v>261</v>
      </c>
    </row>
    <row r="25" spans="1:11" ht="15" customHeight="1">
      <c r="A25" s="17" t="s">
        <v>47</v>
      </c>
      <c r="B25" s="17"/>
      <c r="C25" s="13">
        <v>389</v>
      </c>
      <c r="D25" s="19">
        <v>205</v>
      </c>
      <c r="E25" s="19">
        <v>184</v>
      </c>
      <c r="F25" s="19"/>
      <c r="G25" s="18" t="s">
        <v>48</v>
      </c>
      <c r="H25" s="17"/>
      <c r="I25" s="13">
        <v>538</v>
      </c>
      <c r="J25" s="19">
        <v>253</v>
      </c>
      <c r="K25" s="19">
        <v>285</v>
      </c>
    </row>
    <row r="26" spans="1:11" ht="15" customHeight="1">
      <c r="A26" s="17" t="s">
        <v>49</v>
      </c>
      <c r="B26" s="17"/>
      <c r="C26" s="13">
        <v>404</v>
      </c>
      <c r="D26" s="19">
        <v>208</v>
      </c>
      <c r="E26" s="19">
        <v>196</v>
      </c>
      <c r="F26" s="19"/>
      <c r="G26" s="18" t="s">
        <v>50</v>
      </c>
      <c r="H26" s="17"/>
      <c r="I26" s="13">
        <v>665</v>
      </c>
      <c r="J26" s="19">
        <v>332</v>
      </c>
      <c r="K26" s="19">
        <v>333</v>
      </c>
    </row>
    <row r="27" spans="1:11" ht="15" customHeight="1">
      <c r="A27" s="17" t="s">
        <v>51</v>
      </c>
      <c r="B27" s="17"/>
      <c r="C27" s="13">
        <v>418</v>
      </c>
      <c r="D27" s="19">
        <v>222</v>
      </c>
      <c r="E27" s="19">
        <v>196</v>
      </c>
      <c r="F27" s="19"/>
      <c r="G27" s="18" t="s">
        <v>52</v>
      </c>
      <c r="H27" s="17"/>
      <c r="I27" s="13">
        <v>679</v>
      </c>
      <c r="J27" s="19">
        <v>320</v>
      </c>
      <c r="K27" s="19">
        <v>359</v>
      </c>
    </row>
    <row r="28" spans="1:11" ht="15" customHeight="1">
      <c r="A28" s="17" t="s">
        <v>53</v>
      </c>
      <c r="B28" s="17"/>
      <c r="C28" s="13">
        <v>421</v>
      </c>
      <c r="D28" s="19">
        <v>219</v>
      </c>
      <c r="E28" s="19">
        <v>202</v>
      </c>
      <c r="F28" s="19"/>
      <c r="G28" s="18" t="s">
        <v>54</v>
      </c>
      <c r="H28" s="17"/>
      <c r="I28" s="13">
        <v>667</v>
      </c>
      <c r="J28" s="19">
        <v>316</v>
      </c>
      <c r="K28" s="19">
        <v>351</v>
      </c>
    </row>
    <row r="29" spans="1:11" ht="20.100000000000001" customHeight="1">
      <c r="A29" s="17" t="s">
        <v>55</v>
      </c>
      <c r="B29" s="17"/>
      <c r="C29" s="13">
        <v>1883</v>
      </c>
      <c r="D29" s="14">
        <v>986</v>
      </c>
      <c r="E29" s="14">
        <v>897</v>
      </c>
      <c r="F29" s="14"/>
      <c r="G29" s="18" t="s">
        <v>56</v>
      </c>
      <c r="H29" s="17"/>
      <c r="I29" s="13">
        <v>3425</v>
      </c>
      <c r="J29" s="14">
        <v>1581</v>
      </c>
      <c r="K29" s="14">
        <v>1844</v>
      </c>
    </row>
    <row r="30" spans="1:11" ht="15" customHeight="1">
      <c r="A30" s="17" t="s">
        <v>57</v>
      </c>
      <c r="B30" s="17"/>
      <c r="C30" s="13">
        <v>393</v>
      </c>
      <c r="D30" s="19">
        <v>210</v>
      </c>
      <c r="E30" s="19">
        <v>183</v>
      </c>
      <c r="F30" s="19"/>
      <c r="G30" s="18" t="s">
        <v>58</v>
      </c>
      <c r="H30" s="17"/>
      <c r="I30" s="13">
        <v>785</v>
      </c>
      <c r="J30" s="19">
        <v>366</v>
      </c>
      <c r="K30" s="19">
        <v>419</v>
      </c>
    </row>
    <row r="31" spans="1:11" ht="15" customHeight="1">
      <c r="A31" s="17" t="s">
        <v>59</v>
      </c>
      <c r="B31" s="17"/>
      <c r="C31" s="13">
        <v>442</v>
      </c>
      <c r="D31" s="19">
        <v>252</v>
      </c>
      <c r="E31" s="19">
        <v>190</v>
      </c>
      <c r="F31" s="19"/>
      <c r="G31" s="18" t="s">
        <v>60</v>
      </c>
      <c r="H31" s="17"/>
      <c r="I31" s="13">
        <v>773</v>
      </c>
      <c r="J31" s="19">
        <v>366</v>
      </c>
      <c r="K31" s="19">
        <v>407</v>
      </c>
    </row>
    <row r="32" spans="1:11" ht="15" customHeight="1">
      <c r="A32" s="17" t="s">
        <v>61</v>
      </c>
      <c r="B32" s="17"/>
      <c r="C32" s="13">
        <v>381</v>
      </c>
      <c r="D32" s="19">
        <v>202</v>
      </c>
      <c r="E32" s="19">
        <v>179</v>
      </c>
      <c r="F32" s="19"/>
      <c r="G32" s="18" t="s">
        <v>62</v>
      </c>
      <c r="H32" s="17"/>
      <c r="I32" s="13">
        <v>765</v>
      </c>
      <c r="J32" s="19">
        <v>344</v>
      </c>
      <c r="K32" s="19">
        <v>421</v>
      </c>
    </row>
    <row r="33" spans="1:11" ht="15" customHeight="1">
      <c r="A33" s="17" t="s">
        <v>63</v>
      </c>
      <c r="B33" s="17"/>
      <c r="C33" s="13">
        <v>369</v>
      </c>
      <c r="D33" s="19">
        <v>190</v>
      </c>
      <c r="E33" s="19">
        <v>179</v>
      </c>
      <c r="F33" s="19"/>
      <c r="G33" s="18" t="s">
        <v>64</v>
      </c>
      <c r="H33" s="17"/>
      <c r="I33" s="13">
        <v>579</v>
      </c>
      <c r="J33" s="19">
        <v>268</v>
      </c>
      <c r="K33" s="19">
        <v>311</v>
      </c>
    </row>
    <row r="34" spans="1:11" ht="15" customHeight="1">
      <c r="A34" s="17" t="s">
        <v>65</v>
      </c>
      <c r="B34" s="17"/>
      <c r="C34" s="13">
        <v>298</v>
      </c>
      <c r="D34" s="19">
        <v>132</v>
      </c>
      <c r="E34" s="19">
        <v>166</v>
      </c>
      <c r="F34" s="19"/>
      <c r="G34" s="18" t="s">
        <v>66</v>
      </c>
      <c r="H34" s="17"/>
      <c r="I34" s="13">
        <v>523</v>
      </c>
      <c r="J34" s="19">
        <v>237</v>
      </c>
      <c r="K34" s="19">
        <v>286</v>
      </c>
    </row>
    <row r="35" spans="1:11" ht="20.100000000000001" customHeight="1">
      <c r="A35" s="17" t="s">
        <v>67</v>
      </c>
      <c r="B35" s="17"/>
      <c r="C35" s="13">
        <v>1480</v>
      </c>
      <c r="D35" s="14">
        <v>782</v>
      </c>
      <c r="E35" s="14">
        <v>698</v>
      </c>
      <c r="F35" s="14"/>
      <c r="G35" s="18" t="s">
        <v>68</v>
      </c>
      <c r="H35" s="17"/>
      <c r="I35" s="13">
        <v>3035</v>
      </c>
      <c r="J35" s="14">
        <v>1380</v>
      </c>
      <c r="K35" s="14">
        <v>1655</v>
      </c>
    </row>
    <row r="36" spans="1:11" ht="15" customHeight="1">
      <c r="A36" s="17" t="s">
        <v>69</v>
      </c>
      <c r="B36" s="17"/>
      <c r="C36" s="13">
        <v>328</v>
      </c>
      <c r="D36" s="19">
        <v>172</v>
      </c>
      <c r="E36" s="19">
        <v>156</v>
      </c>
      <c r="F36" s="19"/>
      <c r="G36" s="18" t="s">
        <v>70</v>
      </c>
      <c r="H36" s="17"/>
      <c r="I36" s="13">
        <v>585</v>
      </c>
      <c r="J36" s="19">
        <v>263</v>
      </c>
      <c r="K36" s="19">
        <v>322</v>
      </c>
    </row>
    <row r="37" spans="1:11" ht="15" customHeight="1">
      <c r="A37" s="17" t="s">
        <v>71</v>
      </c>
      <c r="B37" s="17"/>
      <c r="C37" s="13">
        <v>320</v>
      </c>
      <c r="D37" s="19">
        <v>179</v>
      </c>
      <c r="E37" s="19">
        <v>141</v>
      </c>
      <c r="F37" s="19"/>
      <c r="G37" s="18" t="s">
        <v>72</v>
      </c>
      <c r="H37" s="17"/>
      <c r="I37" s="13">
        <v>642</v>
      </c>
      <c r="J37" s="19">
        <v>291</v>
      </c>
      <c r="K37" s="19">
        <v>351</v>
      </c>
    </row>
    <row r="38" spans="1:11" ht="15" customHeight="1">
      <c r="A38" s="17" t="s">
        <v>73</v>
      </c>
      <c r="B38" s="17"/>
      <c r="C38" s="13">
        <v>266</v>
      </c>
      <c r="D38" s="19">
        <v>139</v>
      </c>
      <c r="E38" s="19">
        <v>127</v>
      </c>
      <c r="F38" s="19"/>
      <c r="G38" s="18" t="s">
        <v>74</v>
      </c>
      <c r="H38" s="17"/>
      <c r="I38" s="13">
        <v>637</v>
      </c>
      <c r="J38" s="19">
        <v>305</v>
      </c>
      <c r="K38" s="19">
        <v>332</v>
      </c>
    </row>
    <row r="39" spans="1:11" ht="15" customHeight="1">
      <c r="A39" s="17" t="s">
        <v>75</v>
      </c>
      <c r="B39" s="17"/>
      <c r="C39" s="13">
        <v>300</v>
      </c>
      <c r="D39" s="19">
        <v>157</v>
      </c>
      <c r="E39" s="19">
        <v>143</v>
      </c>
      <c r="F39" s="19"/>
      <c r="G39" s="18" t="s">
        <v>76</v>
      </c>
      <c r="H39" s="17"/>
      <c r="I39" s="13">
        <v>607</v>
      </c>
      <c r="J39" s="19">
        <v>285</v>
      </c>
      <c r="K39" s="19">
        <v>322</v>
      </c>
    </row>
    <row r="40" spans="1:11" ht="15" customHeight="1">
      <c r="A40" s="17" t="s">
        <v>77</v>
      </c>
      <c r="B40" s="17"/>
      <c r="C40" s="13">
        <v>266</v>
      </c>
      <c r="D40" s="19">
        <v>135</v>
      </c>
      <c r="E40" s="19">
        <v>131</v>
      </c>
      <c r="F40" s="19"/>
      <c r="G40" s="18" t="s">
        <v>78</v>
      </c>
      <c r="H40" s="17"/>
      <c r="I40" s="13">
        <v>564</v>
      </c>
      <c r="J40" s="19">
        <v>236</v>
      </c>
      <c r="K40" s="19">
        <v>328</v>
      </c>
    </row>
    <row r="41" spans="1:11" ht="20.100000000000001" customHeight="1">
      <c r="A41" s="17" t="s">
        <v>79</v>
      </c>
      <c r="B41" s="17"/>
      <c r="C41" s="13">
        <v>1689</v>
      </c>
      <c r="D41" s="14">
        <v>885</v>
      </c>
      <c r="E41" s="14">
        <v>804</v>
      </c>
      <c r="F41" s="14"/>
      <c r="G41" s="18" t="s">
        <v>80</v>
      </c>
      <c r="H41" s="17"/>
      <c r="I41" s="13">
        <v>2140</v>
      </c>
      <c r="J41" s="14">
        <v>968</v>
      </c>
      <c r="K41" s="14">
        <v>1172</v>
      </c>
    </row>
    <row r="42" spans="1:11" ht="15" customHeight="1">
      <c r="A42" s="17" t="s">
        <v>81</v>
      </c>
      <c r="B42" s="17"/>
      <c r="C42" s="13">
        <v>310</v>
      </c>
      <c r="D42" s="19">
        <v>166</v>
      </c>
      <c r="E42" s="19">
        <v>144</v>
      </c>
      <c r="F42" s="19"/>
      <c r="G42" s="18" t="s">
        <v>82</v>
      </c>
      <c r="H42" s="17"/>
      <c r="I42" s="13">
        <v>479</v>
      </c>
      <c r="J42" s="19">
        <v>228</v>
      </c>
      <c r="K42" s="19">
        <v>251</v>
      </c>
    </row>
    <row r="43" spans="1:11" ht="15" customHeight="1">
      <c r="A43" s="17" t="s">
        <v>83</v>
      </c>
      <c r="B43" s="17"/>
      <c r="C43" s="13">
        <v>359</v>
      </c>
      <c r="D43" s="19">
        <v>188</v>
      </c>
      <c r="E43" s="19">
        <v>171</v>
      </c>
      <c r="F43" s="19"/>
      <c r="G43" s="18" t="s">
        <v>84</v>
      </c>
      <c r="H43" s="17"/>
      <c r="I43" s="13">
        <v>412</v>
      </c>
      <c r="J43" s="19">
        <v>192</v>
      </c>
      <c r="K43" s="19">
        <v>220</v>
      </c>
    </row>
    <row r="44" spans="1:11" ht="15" customHeight="1">
      <c r="A44" s="17" t="s">
        <v>85</v>
      </c>
      <c r="B44" s="17"/>
      <c r="C44" s="13">
        <v>292</v>
      </c>
      <c r="D44" s="19">
        <v>149</v>
      </c>
      <c r="E44" s="19">
        <v>143</v>
      </c>
      <c r="F44" s="19"/>
      <c r="G44" s="18" t="s">
        <v>86</v>
      </c>
      <c r="H44" s="17"/>
      <c r="I44" s="13">
        <v>410</v>
      </c>
      <c r="J44" s="19">
        <v>190</v>
      </c>
      <c r="K44" s="19">
        <v>220</v>
      </c>
    </row>
    <row r="45" spans="1:11" ht="15" customHeight="1">
      <c r="A45" s="17" t="s">
        <v>87</v>
      </c>
      <c r="B45" s="17"/>
      <c r="C45" s="13">
        <v>363</v>
      </c>
      <c r="D45" s="19">
        <v>200</v>
      </c>
      <c r="E45" s="19">
        <v>163</v>
      </c>
      <c r="F45" s="19"/>
      <c r="G45" s="18" t="s">
        <v>88</v>
      </c>
      <c r="H45" s="17"/>
      <c r="I45" s="13">
        <v>432</v>
      </c>
      <c r="J45" s="19">
        <v>189</v>
      </c>
      <c r="K45" s="19">
        <v>243</v>
      </c>
    </row>
    <row r="46" spans="1:11" ht="15" customHeight="1">
      <c r="A46" s="17" t="s">
        <v>89</v>
      </c>
      <c r="B46" s="17"/>
      <c r="C46" s="13">
        <v>365</v>
      </c>
      <c r="D46" s="19">
        <v>182</v>
      </c>
      <c r="E46" s="19">
        <v>183</v>
      </c>
      <c r="F46" s="19"/>
      <c r="G46" s="18" t="s">
        <v>90</v>
      </c>
      <c r="H46" s="17"/>
      <c r="I46" s="13">
        <v>407</v>
      </c>
      <c r="J46" s="19">
        <v>169</v>
      </c>
      <c r="K46" s="19">
        <v>238</v>
      </c>
    </row>
    <row r="47" spans="1:11" ht="20.100000000000001" customHeight="1">
      <c r="A47" s="17" t="s">
        <v>91</v>
      </c>
      <c r="B47" s="17"/>
      <c r="C47" s="13">
        <v>2162</v>
      </c>
      <c r="D47" s="14">
        <v>1098</v>
      </c>
      <c r="E47" s="14">
        <v>1064</v>
      </c>
      <c r="F47" s="14"/>
      <c r="G47" s="18" t="s">
        <v>92</v>
      </c>
      <c r="H47" s="17"/>
      <c r="I47" s="13">
        <v>1255</v>
      </c>
      <c r="J47" s="14">
        <v>469</v>
      </c>
      <c r="K47" s="14">
        <v>786</v>
      </c>
    </row>
    <row r="48" spans="1:11" ht="15" customHeight="1">
      <c r="A48" s="17" t="s">
        <v>93</v>
      </c>
      <c r="B48" s="17"/>
      <c r="C48" s="13">
        <v>381</v>
      </c>
      <c r="D48" s="19">
        <v>192</v>
      </c>
      <c r="E48" s="19">
        <v>189</v>
      </c>
      <c r="F48" s="19"/>
      <c r="G48" s="18" t="s">
        <v>94</v>
      </c>
      <c r="H48" s="17"/>
      <c r="I48" s="13">
        <v>340</v>
      </c>
      <c r="J48" s="19">
        <v>130</v>
      </c>
      <c r="K48" s="19">
        <v>210</v>
      </c>
    </row>
    <row r="49" spans="1:11" ht="15" customHeight="1">
      <c r="A49" s="17" t="s">
        <v>95</v>
      </c>
      <c r="B49" s="17"/>
      <c r="C49" s="13">
        <v>436</v>
      </c>
      <c r="D49" s="19">
        <v>227</v>
      </c>
      <c r="E49" s="19">
        <v>209</v>
      </c>
      <c r="F49" s="19"/>
      <c r="G49" s="18" t="s">
        <v>96</v>
      </c>
      <c r="H49" s="17"/>
      <c r="I49" s="13">
        <v>288</v>
      </c>
      <c r="J49" s="19">
        <v>119</v>
      </c>
      <c r="K49" s="19">
        <v>169</v>
      </c>
    </row>
    <row r="50" spans="1:11" ht="15" customHeight="1">
      <c r="A50" s="17" t="s">
        <v>97</v>
      </c>
      <c r="B50" s="17"/>
      <c r="C50" s="13">
        <v>434</v>
      </c>
      <c r="D50" s="19">
        <v>228</v>
      </c>
      <c r="E50" s="19">
        <v>206</v>
      </c>
      <c r="F50" s="19"/>
      <c r="G50" s="18" t="s">
        <v>98</v>
      </c>
      <c r="H50" s="17"/>
      <c r="I50" s="13">
        <v>264</v>
      </c>
      <c r="J50" s="19">
        <v>101</v>
      </c>
      <c r="K50" s="19">
        <v>163</v>
      </c>
    </row>
    <row r="51" spans="1:11" ht="15" customHeight="1">
      <c r="A51" s="17" t="s">
        <v>99</v>
      </c>
      <c r="B51" s="17"/>
      <c r="C51" s="13">
        <v>458</v>
      </c>
      <c r="D51" s="19">
        <v>231</v>
      </c>
      <c r="E51" s="19">
        <v>227</v>
      </c>
      <c r="F51" s="19"/>
      <c r="G51" s="18" t="s">
        <v>100</v>
      </c>
      <c r="H51" s="17"/>
      <c r="I51" s="13">
        <v>197</v>
      </c>
      <c r="J51" s="19">
        <v>71</v>
      </c>
      <c r="K51" s="19">
        <v>126</v>
      </c>
    </row>
    <row r="52" spans="1:11" ht="15" customHeight="1">
      <c r="A52" s="17" t="s">
        <v>101</v>
      </c>
      <c r="B52" s="17"/>
      <c r="C52" s="13">
        <v>453</v>
      </c>
      <c r="D52" s="19">
        <v>220</v>
      </c>
      <c r="E52" s="19">
        <v>233</v>
      </c>
      <c r="F52" s="19"/>
      <c r="G52" s="18" t="s">
        <v>102</v>
      </c>
      <c r="H52" s="17"/>
      <c r="I52" s="13">
        <v>166</v>
      </c>
      <c r="J52" s="19">
        <v>48</v>
      </c>
      <c r="K52" s="19">
        <v>118</v>
      </c>
    </row>
    <row r="53" spans="1:11" ht="20.100000000000001" customHeight="1">
      <c r="A53" s="17" t="s">
        <v>103</v>
      </c>
      <c r="B53" s="17"/>
      <c r="C53" s="13">
        <v>2608</v>
      </c>
      <c r="D53" s="14">
        <v>1310</v>
      </c>
      <c r="E53" s="14">
        <v>1298</v>
      </c>
      <c r="F53" s="14"/>
      <c r="G53" s="18" t="s">
        <v>104</v>
      </c>
      <c r="H53" s="17"/>
      <c r="I53" s="13">
        <v>569</v>
      </c>
      <c r="J53" s="14">
        <v>159</v>
      </c>
      <c r="K53" s="14">
        <v>410</v>
      </c>
    </row>
    <row r="54" spans="1:11" ht="15" customHeight="1">
      <c r="A54" s="17" t="s">
        <v>105</v>
      </c>
      <c r="B54" s="17"/>
      <c r="C54" s="13">
        <v>479</v>
      </c>
      <c r="D54" s="19">
        <v>245</v>
      </c>
      <c r="E54" s="19">
        <v>234</v>
      </c>
      <c r="F54" s="19"/>
      <c r="G54" s="18" t="s">
        <v>106</v>
      </c>
      <c r="H54" s="17"/>
      <c r="I54" s="13">
        <v>178</v>
      </c>
      <c r="J54" s="19">
        <v>57</v>
      </c>
      <c r="K54" s="19">
        <v>121</v>
      </c>
    </row>
    <row r="55" spans="1:11" ht="15" customHeight="1">
      <c r="A55" s="17" t="s">
        <v>107</v>
      </c>
      <c r="B55" s="17"/>
      <c r="C55" s="13">
        <v>480</v>
      </c>
      <c r="D55" s="19">
        <v>251</v>
      </c>
      <c r="E55" s="19">
        <v>229</v>
      </c>
      <c r="F55" s="19"/>
      <c r="G55" s="18" t="s">
        <v>108</v>
      </c>
      <c r="H55" s="17"/>
      <c r="I55" s="13">
        <v>149</v>
      </c>
      <c r="J55" s="19">
        <v>41</v>
      </c>
      <c r="K55" s="19">
        <v>108</v>
      </c>
    </row>
    <row r="56" spans="1:11" ht="15" customHeight="1">
      <c r="A56" s="17" t="s">
        <v>109</v>
      </c>
      <c r="B56" s="17"/>
      <c r="C56" s="13">
        <v>528</v>
      </c>
      <c r="D56" s="19">
        <v>259</v>
      </c>
      <c r="E56" s="19">
        <v>269</v>
      </c>
      <c r="F56" s="19"/>
      <c r="G56" s="18" t="s">
        <v>110</v>
      </c>
      <c r="H56" s="17"/>
      <c r="I56" s="13">
        <v>90</v>
      </c>
      <c r="J56" s="19">
        <v>21</v>
      </c>
      <c r="K56" s="19">
        <v>69</v>
      </c>
    </row>
    <row r="57" spans="1:11" ht="15" customHeight="1">
      <c r="A57" s="17" t="s">
        <v>111</v>
      </c>
      <c r="B57" s="17"/>
      <c r="C57" s="13">
        <v>533</v>
      </c>
      <c r="D57" s="19">
        <v>262</v>
      </c>
      <c r="E57" s="19">
        <v>271</v>
      </c>
      <c r="F57" s="19"/>
      <c r="G57" s="18" t="s">
        <v>112</v>
      </c>
      <c r="H57" s="17"/>
      <c r="I57" s="13">
        <v>79</v>
      </c>
      <c r="J57" s="19">
        <v>17</v>
      </c>
      <c r="K57" s="19">
        <v>62</v>
      </c>
    </row>
    <row r="58" spans="1:11" ht="15" customHeight="1">
      <c r="A58" s="17" t="s">
        <v>113</v>
      </c>
      <c r="B58" s="17"/>
      <c r="C58" s="13">
        <v>588</v>
      </c>
      <c r="D58" s="19">
        <v>293</v>
      </c>
      <c r="E58" s="19">
        <v>295</v>
      </c>
      <c r="F58" s="19"/>
      <c r="G58" s="18" t="s">
        <v>114</v>
      </c>
      <c r="H58" s="17"/>
      <c r="I58" s="13">
        <v>73</v>
      </c>
      <c r="J58" s="19">
        <v>23</v>
      </c>
      <c r="K58" s="19">
        <v>50</v>
      </c>
    </row>
    <row r="59" spans="1:11" ht="20.100000000000001" customHeight="1">
      <c r="A59" s="17" t="s">
        <v>115</v>
      </c>
      <c r="B59" s="17"/>
      <c r="C59" s="13">
        <v>3304</v>
      </c>
      <c r="D59" s="14">
        <v>1756</v>
      </c>
      <c r="E59" s="14">
        <v>1548</v>
      </c>
      <c r="F59" s="14"/>
      <c r="G59" s="18" t="s">
        <v>116</v>
      </c>
      <c r="H59" s="17"/>
      <c r="I59" s="13">
        <v>127</v>
      </c>
      <c r="J59" s="14">
        <v>28</v>
      </c>
      <c r="K59" s="14">
        <v>99</v>
      </c>
    </row>
    <row r="60" spans="1:11" ht="15" customHeight="1">
      <c r="A60" s="17" t="s">
        <v>117</v>
      </c>
      <c r="B60" s="17"/>
      <c r="C60" s="13">
        <v>660</v>
      </c>
      <c r="D60" s="19">
        <v>368</v>
      </c>
      <c r="E60" s="19">
        <v>292</v>
      </c>
      <c r="F60" s="19"/>
      <c r="G60" s="18" t="s">
        <v>118</v>
      </c>
      <c r="H60" s="17"/>
      <c r="I60" s="13">
        <v>44</v>
      </c>
      <c r="J60" s="19">
        <v>10</v>
      </c>
      <c r="K60" s="19">
        <v>34</v>
      </c>
    </row>
    <row r="61" spans="1:11" ht="15" customHeight="1">
      <c r="A61" s="17" t="s">
        <v>119</v>
      </c>
      <c r="B61" s="17"/>
      <c r="C61" s="13">
        <v>728</v>
      </c>
      <c r="D61" s="19">
        <v>384</v>
      </c>
      <c r="E61" s="19">
        <v>344</v>
      </c>
      <c r="F61" s="19"/>
      <c r="G61" s="18" t="s">
        <v>120</v>
      </c>
      <c r="H61" s="17"/>
      <c r="I61" s="13">
        <v>40</v>
      </c>
      <c r="J61" s="19">
        <v>12</v>
      </c>
      <c r="K61" s="19">
        <v>28</v>
      </c>
    </row>
    <row r="62" spans="1:11" ht="15" customHeight="1">
      <c r="A62" s="17" t="s">
        <v>121</v>
      </c>
      <c r="B62" s="17"/>
      <c r="C62" s="13">
        <v>622</v>
      </c>
      <c r="D62" s="19">
        <v>325</v>
      </c>
      <c r="E62" s="19">
        <v>297</v>
      </c>
      <c r="F62" s="19"/>
      <c r="G62" s="18" t="s">
        <v>122</v>
      </c>
      <c r="H62" s="17"/>
      <c r="I62" s="13">
        <v>23</v>
      </c>
      <c r="J62" s="19">
        <v>4</v>
      </c>
      <c r="K62" s="19">
        <v>19</v>
      </c>
    </row>
    <row r="63" spans="1:11" ht="15" customHeight="1">
      <c r="A63" s="17" t="s">
        <v>123</v>
      </c>
      <c r="B63" s="17"/>
      <c r="C63" s="13">
        <v>656</v>
      </c>
      <c r="D63" s="19">
        <v>326</v>
      </c>
      <c r="E63" s="19">
        <v>330</v>
      </c>
      <c r="F63" s="19"/>
      <c r="G63" s="18" t="s">
        <v>124</v>
      </c>
      <c r="H63" s="17"/>
      <c r="I63" s="13">
        <v>17</v>
      </c>
      <c r="J63" s="19">
        <v>2</v>
      </c>
      <c r="K63" s="19">
        <v>15</v>
      </c>
    </row>
    <row r="64" spans="1:11" ht="15" customHeight="1">
      <c r="A64" s="17" t="s">
        <v>125</v>
      </c>
      <c r="B64" s="17"/>
      <c r="C64" s="13">
        <v>638</v>
      </c>
      <c r="D64" s="19">
        <v>353</v>
      </c>
      <c r="E64" s="19">
        <v>285</v>
      </c>
      <c r="F64" s="19"/>
      <c r="G64" s="18" t="s">
        <v>126</v>
      </c>
      <c r="H64" s="17"/>
      <c r="I64" s="13">
        <v>3</v>
      </c>
      <c r="J64" s="19">
        <v>0</v>
      </c>
      <c r="K64" s="19">
        <v>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</v>
      </c>
      <c r="J65" s="19">
        <v>2</v>
      </c>
      <c r="K65" s="19">
        <v>1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6</v>
      </c>
      <c r="J66" s="29">
        <v>41</v>
      </c>
      <c r="K66" s="29">
        <v>25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357</v>
      </c>
      <c r="D4" s="14">
        <v>4714</v>
      </c>
      <c r="E4" s="14">
        <v>464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27</v>
      </c>
      <c r="D5" s="14">
        <v>114</v>
      </c>
      <c r="E5" s="14">
        <v>113</v>
      </c>
      <c r="F5" s="14"/>
      <c r="G5" s="18" t="s">
        <v>8</v>
      </c>
      <c r="H5" s="17"/>
      <c r="I5" s="13">
        <v>594</v>
      </c>
      <c r="J5" s="14">
        <v>311</v>
      </c>
      <c r="K5" s="14">
        <v>283</v>
      </c>
    </row>
    <row r="6" spans="1:11" ht="15" customHeight="1">
      <c r="A6" s="17" t="s">
        <v>9</v>
      </c>
      <c r="B6" s="17"/>
      <c r="C6" s="13">
        <v>46</v>
      </c>
      <c r="D6" s="19">
        <v>21</v>
      </c>
      <c r="E6" s="19">
        <v>25</v>
      </c>
      <c r="F6" s="19"/>
      <c r="G6" s="18" t="s">
        <v>10</v>
      </c>
      <c r="H6" s="17"/>
      <c r="I6" s="13">
        <v>131</v>
      </c>
      <c r="J6" s="19">
        <v>64</v>
      </c>
      <c r="K6" s="19">
        <v>67</v>
      </c>
    </row>
    <row r="7" spans="1:11" ht="15" customHeight="1">
      <c r="A7" s="17" t="s">
        <v>11</v>
      </c>
      <c r="B7" s="17"/>
      <c r="C7" s="13">
        <v>38</v>
      </c>
      <c r="D7" s="19">
        <v>19</v>
      </c>
      <c r="E7" s="19">
        <v>19</v>
      </c>
      <c r="F7" s="19"/>
      <c r="G7" s="18" t="s">
        <v>12</v>
      </c>
      <c r="H7" s="17"/>
      <c r="I7" s="13">
        <v>114</v>
      </c>
      <c r="J7" s="19">
        <v>59</v>
      </c>
      <c r="K7" s="19">
        <v>55</v>
      </c>
    </row>
    <row r="8" spans="1:11" ht="15" customHeight="1">
      <c r="A8" s="17" t="s">
        <v>13</v>
      </c>
      <c r="B8" s="17"/>
      <c r="C8" s="13">
        <v>50</v>
      </c>
      <c r="D8" s="19">
        <v>28</v>
      </c>
      <c r="E8" s="19">
        <v>22</v>
      </c>
      <c r="F8" s="19"/>
      <c r="G8" s="18" t="s">
        <v>14</v>
      </c>
      <c r="H8" s="17"/>
      <c r="I8" s="13">
        <v>140</v>
      </c>
      <c r="J8" s="19">
        <v>76</v>
      </c>
      <c r="K8" s="19">
        <v>64</v>
      </c>
    </row>
    <row r="9" spans="1:11" ht="15" customHeight="1">
      <c r="A9" s="17" t="s">
        <v>15</v>
      </c>
      <c r="B9" s="17"/>
      <c r="C9" s="13">
        <v>41</v>
      </c>
      <c r="D9" s="19">
        <v>24</v>
      </c>
      <c r="E9" s="19">
        <v>17</v>
      </c>
      <c r="F9" s="19"/>
      <c r="G9" s="18" t="s">
        <v>16</v>
      </c>
      <c r="H9" s="17"/>
      <c r="I9" s="13">
        <v>98</v>
      </c>
      <c r="J9" s="19">
        <v>50</v>
      </c>
      <c r="K9" s="19">
        <v>48</v>
      </c>
    </row>
    <row r="10" spans="1:11" ht="15" customHeight="1">
      <c r="A10" s="17" t="s">
        <v>17</v>
      </c>
      <c r="B10" s="17"/>
      <c r="C10" s="13">
        <v>52</v>
      </c>
      <c r="D10" s="19">
        <v>22</v>
      </c>
      <c r="E10" s="19">
        <v>30</v>
      </c>
      <c r="F10" s="19"/>
      <c r="G10" s="18" t="s">
        <v>18</v>
      </c>
      <c r="H10" s="17"/>
      <c r="I10" s="13">
        <v>111</v>
      </c>
      <c r="J10" s="19">
        <v>62</v>
      </c>
      <c r="K10" s="19">
        <v>49</v>
      </c>
    </row>
    <row r="11" spans="1:11" ht="20.100000000000001" customHeight="1">
      <c r="A11" s="17" t="s">
        <v>19</v>
      </c>
      <c r="B11" s="17"/>
      <c r="C11" s="13">
        <v>281</v>
      </c>
      <c r="D11" s="14">
        <v>149</v>
      </c>
      <c r="E11" s="14">
        <v>132</v>
      </c>
      <c r="F11" s="14"/>
      <c r="G11" s="18" t="s">
        <v>20</v>
      </c>
      <c r="H11" s="17"/>
      <c r="I11" s="13">
        <v>525</v>
      </c>
      <c r="J11" s="14">
        <v>260</v>
      </c>
      <c r="K11" s="14">
        <v>265</v>
      </c>
    </row>
    <row r="12" spans="1:11" ht="15" customHeight="1">
      <c r="A12" s="17" t="s">
        <v>21</v>
      </c>
      <c r="B12" s="17"/>
      <c r="C12" s="13">
        <v>50</v>
      </c>
      <c r="D12" s="19">
        <v>29</v>
      </c>
      <c r="E12" s="19">
        <v>21</v>
      </c>
      <c r="F12" s="19"/>
      <c r="G12" s="18" t="s">
        <v>22</v>
      </c>
      <c r="H12" s="17"/>
      <c r="I12" s="13">
        <v>117</v>
      </c>
      <c r="J12" s="19">
        <v>58</v>
      </c>
      <c r="K12" s="19">
        <v>59</v>
      </c>
    </row>
    <row r="13" spans="1:11" ht="15" customHeight="1">
      <c r="A13" s="17" t="s">
        <v>23</v>
      </c>
      <c r="B13" s="17"/>
      <c r="C13" s="13">
        <v>50</v>
      </c>
      <c r="D13" s="19">
        <v>24</v>
      </c>
      <c r="E13" s="19">
        <v>26</v>
      </c>
      <c r="F13" s="19"/>
      <c r="G13" s="18" t="s">
        <v>24</v>
      </c>
      <c r="H13" s="17"/>
      <c r="I13" s="13">
        <v>93</v>
      </c>
      <c r="J13" s="19">
        <v>48</v>
      </c>
      <c r="K13" s="19">
        <v>45</v>
      </c>
    </row>
    <row r="14" spans="1:11" ht="15" customHeight="1">
      <c r="A14" s="17" t="s">
        <v>25</v>
      </c>
      <c r="B14" s="17"/>
      <c r="C14" s="13">
        <v>53</v>
      </c>
      <c r="D14" s="19">
        <v>28</v>
      </c>
      <c r="E14" s="19">
        <v>25</v>
      </c>
      <c r="F14" s="19"/>
      <c r="G14" s="18" t="s">
        <v>26</v>
      </c>
      <c r="H14" s="17"/>
      <c r="I14" s="13">
        <v>96</v>
      </c>
      <c r="J14" s="19">
        <v>49</v>
      </c>
      <c r="K14" s="19">
        <v>47</v>
      </c>
    </row>
    <row r="15" spans="1:11" ht="15" customHeight="1">
      <c r="A15" s="17" t="s">
        <v>27</v>
      </c>
      <c r="B15" s="17"/>
      <c r="C15" s="13">
        <v>58</v>
      </c>
      <c r="D15" s="19">
        <v>33</v>
      </c>
      <c r="E15" s="19">
        <v>25</v>
      </c>
      <c r="F15" s="19"/>
      <c r="G15" s="18" t="s">
        <v>28</v>
      </c>
      <c r="H15" s="17"/>
      <c r="I15" s="13">
        <v>109</v>
      </c>
      <c r="J15" s="19">
        <v>51</v>
      </c>
      <c r="K15" s="19">
        <v>58</v>
      </c>
    </row>
    <row r="16" spans="1:11" ht="15" customHeight="1">
      <c r="A16" s="17" t="s">
        <v>29</v>
      </c>
      <c r="B16" s="17"/>
      <c r="C16" s="13">
        <v>70</v>
      </c>
      <c r="D16" s="19">
        <v>35</v>
      </c>
      <c r="E16" s="19">
        <v>35</v>
      </c>
      <c r="F16" s="19"/>
      <c r="G16" s="18" t="s">
        <v>30</v>
      </c>
      <c r="H16" s="17"/>
      <c r="I16" s="13">
        <v>110</v>
      </c>
      <c r="J16" s="19">
        <v>54</v>
      </c>
      <c r="K16" s="19">
        <v>56</v>
      </c>
    </row>
    <row r="17" spans="1:11" ht="20.100000000000001" customHeight="1">
      <c r="A17" s="20" t="s">
        <v>31</v>
      </c>
      <c r="B17" s="20"/>
      <c r="C17" s="13">
        <v>409</v>
      </c>
      <c r="D17" s="14">
        <v>194</v>
      </c>
      <c r="E17" s="14">
        <v>215</v>
      </c>
      <c r="F17" s="14"/>
      <c r="G17" s="18" t="s">
        <v>32</v>
      </c>
      <c r="H17" s="17"/>
      <c r="I17" s="13">
        <v>593</v>
      </c>
      <c r="J17" s="14">
        <v>304</v>
      </c>
      <c r="K17" s="14">
        <v>289</v>
      </c>
    </row>
    <row r="18" spans="1:11" ht="15" customHeight="1">
      <c r="A18" s="17" t="s">
        <v>33</v>
      </c>
      <c r="B18" s="17"/>
      <c r="C18" s="13">
        <v>71</v>
      </c>
      <c r="D18" s="19">
        <v>35</v>
      </c>
      <c r="E18" s="19">
        <v>36</v>
      </c>
      <c r="F18" s="19"/>
      <c r="G18" s="18" t="s">
        <v>34</v>
      </c>
      <c r="H18" s="17"/>
      <c r="I18" s="13">
        <v>97</v>
      </c>
      <c r="J18" s="19">
        <v>51</v>
      </c>
      <c r="K18" s="19">
        <v>46</v>
      </c>
    </row>
    <row r="19" spans="1:11" ht="15" customHeight="1">
      <c r="A19" s="17" t="s">
        <v>35</v>
      </c>
      <c r="B19" s="17"/>
      <c r="C19" s="13">
        <v>92</v>
      </c>
      <c r="D19" s="19">
        <v>45</v>
      </c>
      <c r="E19" s="19">
        <v>47</v>
      </c>
      <c r="F19" s="19"/>
      <c r="G19" s="18" t="s">
        <v>36</v>
      </c>
      <c r="H19" s="17"/>
      <c r="I19" s="13">
        <v>119</v>
      </c>
      <c r="J19" s="19">
        <v>58</v>
      </c>
      <c r="K19" s="19">
        <v>61</v>
      </c>
    </row>
    <row r="20" spans="1:11" ht="15" customHeight="1">
      <c r="A20" s="17" t="s">
        <v>37</v>
      </c>
      <c r="B20" s="17"/>
      <c r="C20" s="13">
        <v>83</v>
      </c>
      <c r="D20" s="19">
        <v>37</v>
      </c>
      <c r="E20" s="19">
        <v>46</v>
      </c>
      <c r="F20" s="19"/>
      <c r="G20" s="18" t="s">
        <v>38</v>
      </c>
      <c r="H20" s="17"/>
      <c r="I20" s="13">
        <v>119</v>
      </c>
      <c r="J20" s="19">
        <v>61</v>
      </c>
      <c r="K20" s="19">
        <v>58</v>
      </c>
    </row>
    <row r="21" spans="1:11" ht="15" customHeight="1">
      <c r="A21" s="17" t="s">
        <v>39</v>
      </c>
      <c r="B21" s="17"/>
      <c r="C21" s="13">
        <v>84</v>
      </c>
      <c r="D21" s="19">
        <v>36</v>
      </c>
      <c r="E21" s="19">
        <v>48</v>
      </c>
      <c r="F21" s="19"/>
      <c r="G21" s="18" t="s">
        <v>40</v>
      </c>
      <c r="H21" s="17"/>
      <c r="I21" s="13">
        <v>130</v>
      </c>
      <c r="J21" s="19">
        <v>70</v>
      </c>
      <c r="K21" s="19">
        <v>60</v>
      </c>
    </row>
    <row r="22" spans="1:11" ht="15" customHeight="1">
      <c r="A22" s="17" t="s">
        <v>41</v>
      </c>
      <c r="B22" s="17"/>
      <c r="C22" s="13">
        <v>79</v>
      </c>
      <c r="D22" s="19">
        <v>41</v>
      </c>
      <c r="E22" s="19">
        <v>38</v>
      </c>
      <c r="F22" s="19"/>
      <c r="G22" s="18" t="s">
        <v>42</v>
      </c>
      <c r="H22" s="17"/>
      <c r="I22" s="13">
        <v>128</v>
      </c>
      <c r="J22" s="19">
        <v>64</v>
      </c>
      <c r="K22" s="19">
        <v>64</v>
      </c>
    </row>
    <row r="23" spans="1:11" ht="20.100000000000001" customHeight="1">
      <c r="A23" s="17" t="s">
        <v>43</v>
      </c>
      <c r="B23" s="17"/>
      <c r="C23" s="13">
        <v>454</v>
      </c>
      <c r="D23" s="14">
        <v>251</v>
      </c>
      <c r="E23" s="14">
        <v>203</v>
      </c>
      <c r="F23" s="14"/>
      <c r="G23" s="18" t="s">
        <v>44</v>
      </c>
      <c r="H23" s="17"/>
      <c r="I23" s="13">
        <v>800</v>
      </c>
      <c r="J23" s="14">
        <v>366</v>
      </c>
      <c r="K23" s="14">
        <v>434</v>
      </c>
    </row>
    <row r="24" spans="1:11" ht="15" customHeight="1">
      <c r="A24" s="17" t="s">
        <v>45</v>
      </c>
      <c r="B24" s="17"/>
      <c r="C24" s="13">
        <v>93</v>
      </c>
      <c r="D24" s="19">
        <v>52</v>
      </c>
      <c r="E24" s="19">
        <v>41</v>
      </c>
      <c r="F24" s="19"/>
      <c r="G24" s="18" t="s">
        <v>46</v>
      </c>
      <c r="H24" s="17"/>
      <c r="I24" s="13">
        <v>133</v>
      </c>
      <c r="J24" s="19">
        <v>53</v>
      </c>
      <c r="K24" s="19">
        <v>80</v>
      </c>
    </row>
    <row r="25" spans="1:11" ht="15" customHeight="1">
      <c r="A25" s="17" t="s">
        <v>47</v>
      </c>
      <c r="B25" s="17"/>
      <c r="C25" s="13">
        <v>84</v>
      </c>
      <c r="D25" s="19">
        <v>43</v>
      </c>
      <c r="E25" s="19">
        <v>41</v>
      </c>
      <c r="F25" s="19"/>
      <c r="G25" s="18" t="s">
        <v>48</v>
      </c>
      <c r="H25" s="17"/>
      <c r="I25" s="13">
        <v>147</v>
      </c>
      <c r="J25" s="19">
        <v>64</v>
      </c>
      <c r="K25" s="19">
        <v>83</v>
      </c>
    </row>
    <row r="26" spans="1:11" ht="15" customHeight="1">
      <c r="A26" s="17" t="s">
        <v>49</v>
      </c>
      <c r="B26" s="17"/>
      <c r="C26" s="13">
        <v>91</v>
      </c>
      <c r="D26" s="19">
        <v>54</v>
      </c>
      <c r="E26" s="19">
        <v>37</v>
      </c>
      <c r="F26" s="19"/>
      <c r="G26" s="18" t="s">
        <v>50</v>
      </c>
      <c r="H26" s="17"/>
      <c r="I26" s="13">
        <v>161</v>
      </c>
      <c r="J26" s="19">
        <v>81</v>
      </c>
      <c r="K26" s="19">
        <v>80</v>
      </c>
    </row>
    <row r="27" spans="1:11" ht="15" customHeight="1">
      <c r="A27" s="17" t="s">
        <v>51</v>
      </c>
      <c r="B27" s="17"/>
      <c r="C27" s="13">
        <v>93</v>
      </c>
      <c r="D27" s="19">
        <v>42</v>
      </c>
      <c r="E27" s="19">
        <v>51</v>
      </c>
      <c r="F27" s="19"/>
      <c r="G27" s="18" t="s">
        <v>52</v>
      </c>
      <c r="H27" s="17"/>
      <c r="I27" s="13">
        <v>181</v>
      </c>
      <c r="J27" s="19">
        <v>83</v>
      </c>
      <c r="K27" s="19">
        <v>98</v>
      </c>
    </row>
    <row r="28" spans="1:11" ht="15" customHeight="1">
      <c r="A28" s="17" t="s">
        <v>53</v>
      </c>
      <c r="B28" s="17"/>
      <c r="C28" s="13">
        <v>93</v>
      </c>
      <c r="D28" s="19">
        <v>60</v>
      </c>
      <c r="E28" s="19">
        <v>33</v>
      </c>
      <c r="F28" s="19"/>
      <c r="G28" s="18" t="s">
        <v>54</v>
      </c>
      <c r="H28" s="17"/>
      <c r="I28" s="13">
        <v>178</v>
      </c>
      <c r="J28" s="19">
        <v>85</v>
      </c>
      <c r="K28" s="19">
        <v>93</v>
      </c>
    </row>
    <row r="29" spans="1:11" ht="20.100000000000001" customHeight="1">
      <c r="A29" s="17" t="s">
        <v>55</v>
      </c>
      <c r="B29" s="17"/>
      <c r="C29" s="13">
        <v>472</v>
      </c>
      <c r="D29" s="14">
        <v>287</v>
      </c>
      <c r="E29" s="14">
        <v>185</v>
      </c>
      <c r="F29" s="14"/>
      <c r="G29" s="18" t="s">
        <v>56</v>
      </c>
      <c r="H29" s="17"/>
      <c r="I29" s="13">
        <v>894</v>
      </c>
      <c r="J29" s="14">
        <v>452</v>
      </c>
      <c r="K29" s="14">
        <v>442</v>
      </c>
    </row>
    <row r="30" spans="1:11" ht="15" customHeight="1">
      <c r="A30" s="17" t="s">
        <v>57</v>
      </c>
      <c r="B30" s="17"/>
      <c r="C30" s="13">
        <v>130</v>
      </c>
      <c r="D30" s="19">
        <v>87</v>
      </c>
      <c r="E30" s="19">
        <v>43</v>
      </c>
      <c r="F30" s="19"/>
      <c r="G30" s="18" t="s">
        <v>58</v>
      </c>
      <c r="H30" s="17"/>
      <c r="I30" s="13">
        <v>221</v>
      </c>
      <c r="J30" s="19">
        <v>117</v>
      </c>
      <c r="K30" s="19">
        <v>104</v>
      </c>
    </row>
    <row r="31" spans="1:11" ht="15" customHeight="1">
      <c r="A31" s="17" t="s">
        <v>59</v>
      </c>
      <c r="B31" s="17"/>
      <c r="C31" s="13">
        <v>109</v>
      </c>
      <c r="D31" s="19">
        <v>64</v>
      </c>
      <c r="E31" s="19">
        <v>45</v>
      </c>
      <c r="F31" s="19"/>
      <c r="G31" s="18" t="s">
        <v>60</v>
      </c>
      <c r="H31" s="17"/>
      <c r="I31" s="13">
        <v>203</v>
      </c>
      <c r="J31" s="19">
        <v>101</v>
      </c>
      <c r="K31" s="19">
        <v>102</v>
      </c>
    </row>
    <row r="32" spans="1:11" ht="15" customHeight="1">
      <c r="A32" s="17" t="s">
        <v>61</v>
      </c>
      <c r="B32" s="17"/>
      <c r="C32" s="13">
        <v>93</v>
      </c>
      <c r="D32" s="19">
        <v>58</v>
      </c>
      <c r="E32" s="19">
        <v>35</v>
      </c>
      <c r="F32" s="19"/>
      <c r="G32" s="18" t="s">
        <v>62</v>
      </c>
      <c r="H32" s="17"/>
      <c r="I32" s="13">
        <v>199</v>
      </c>
      <c r="J32" s="19">
        <v>99</v>
      </c>
      <c r="K32" s="19">
        <v>100</v>
      </c>
    </row>
    <row r="33" spans="1:11" ht="15" customHeight="1">
      <c r="A33" s="17" t="s">
        <v>63</v>
      </c>
      <c r="B33" s="17"/>
      <c r="C33" s="13">
        <v>74</v>
      </c>
      <c r="D33" s="19">
        <v>48</v>
      </c>
      <c r="E33" s="19">
        <v>26</v>
      </c>
      <c r="F33" s="19"/>
      <c r="G33" s="18" t="s">
        <v>64</v>
      </c>
      <c r="H33" s="17"/>
      <c r="I33" s="13">
        <v>159</v>
      </c>
      <c r="J33" s="19">
        <v>75</v>
      </c>
      <c r="K33" s="19">
        <v>84</v>
      </c>
    </row>
    <row r="34" spans="1:11" ht="15" customHeight="1">
      <c r="A34" s="17" t="s">
        <v>65</v>
      </c>
      <c r="B34" s="17"/>
      <c r="C34" s="13">
        <v>66</v>
      </c>
      <c r="D34" s="19">
        <v>30</v>
      </c>
      <c r="E34" s="19">
        <v>36</v>
      </c>
      <c r="F34" s="19"/>
      <c r="G34" s="18" t="s">
        <v>66</v>
      </c>
      <c r="H34" s="17"/>
      <c r="I34" s="13">
        <v>112</v>
      </c>
      <c r="J34" s="19">
        <v>60</v>
      </c>
      <c r="K34" s="19">
        <v>52</v>
      </c>
    </row>
    <row r="35" spans="1:11" ht="20.100000000000001" customHeight="1">
      <c r="A35" s="17" t="s">
        <v>67</v>
      </c>
      <c r="B35" s="17"/>
      <c r="C35" s="13">
        <v>295</v>
      </c>
      <c r="D35" s="14">
        <v>162</v>
      </c>
      <c r="E35" s="14">
        <v>133</v>
      </c>
      <c r="F35" s="14"/>
      <c r="G35" s="18" t="s">
        <v>68</v>
      </c>
      <c r="H35" s="17"/>
      <c r="I35" s="13">
        <v>680</v>
      </c>
      <c r="J35" s="14">
        <v>323</v>
      </c>
      <c r="K35" s="14">
        <v>357</v>
      </c>
    </row>
    <row r="36" spans="1:11" ht="15" customHeight="1">
      <c r="A36" s="17" t="s">
        <v>69</v>
      </c>
      <c r="B36" s="17"/>
      <c r="C36" s="13">
        <v>66</v>
      </c>
      <c r="D36" s="19">
        <v>33</v>
      </c>
      <c r="E36" s="19">
        <v>33</v>
      </c>
      <c r="F36" s="19"/>
      <c r="G36" s="18" t="s">
        <v>70</v>
      </c>
      <c r="H36" s="17"/>
      <c r="I36" s="13">
        <v>163</v>
      </c>
      <c r="J36" s="19">
        <v>83</v>
      </c>
      <c r="K36" s="19">
        <v>80</v>
      </c>
    </row>
    <row r="37" spans="1:11" ht="15" customHeight="1">
      <c r="A37" s="17" t="s">
        <v>71</v>
      </c>
      <c r="B37" s="17"/>
      <c r="C37" s="13">
        <v>43</v>
      </c>
      <c r="D37" s="19">
        <v>27</v>
      </c>
      <c r="E37" s="19">
        <v>16</v>
      </c>
      <c r="F37" s="19"/>
      <c r="G37" s="18" t="s">
        <v>72</v>
      </c>
      <c r="H37" s="17"/>
      <c r="I37" s="13">
        <v>143</v>
      </c>
      <c r="J37" s="19">
        <v>66</v>
      </c>
      <c r="K37" s="19">
        <v>77</v>
      </c>
    </row>
    <row r="38" spans="1:11" ht="15" customHeight="1">
      <c r="A38" s="17" t="s">
        <v>73</v>
      </c>
      <c r="B38" s="17"/>
      <c r="C38" s="13">
        <v>64</v>
      </c>
      <c r="D38" s="19">
        <v>38</v>
      </c>
      <c r="E38" s="19">
        <v>26</v>
      </c>
      <c r="F38" s="19"/>
      <c r="G38" s="18" t="s">
        <v>74</v>
      </c>
      <c r="H38" s="17"/>
      <c r="I38" s="13">
        <v>138</v>
      </c>
      <c r="J38" s="19">
        <v>69</v>
      </c>
      <c r="K38" s="19">
        <v>69</v>
      </c>
    </row>
    <row r="39" spans="1:11" ht="15" customHeight="1">
      <c r="A39" s="17" t="s">
        <v>75</v>
      </c>
      <c r="B39" s="17"/>
      <c r="C39" s="13">
        <v>61</v>
      </c>
      <c r="D39" s="19">
        <v>37</v>
      </c>
      <c r="E39" s="19">
        <v>24</v>
      </c>
      <c r="F39" s="19"/>
      <c r="G39" s="18" t="s">
        <v>76</v>
      </c>
      <c r="H39" s="17"/>
      <c r="I39" s="13">
        <v>114</v>
      </c>
      <c r="J39" s="19">
        <v>49</v>
      </c>
      <c r="K39" s="19">
        <v>65</v>
      </c>
    </row>
    <row r="40" spans="1:11" ht="15" customHeight="1">
      <c r="A40" s="17" t="s">
        <v>77</v>
      </c>
      <c r="B40" s="17"/>
      <c r="C40" s="13">
        <v>61</v>
      </c>
      <c r="D40" s="19">
        <v>27</v>
      </c>
      <c r="E40" s="19">
        <v>34</v>
      </c>
      <c r="F40" s="19"/>
      <c r="G40" s="18" t="s">
        <v>78</v>
      </c>
      <c r="H40" s="17"/>
      <c r="I40" s="13">
        <v>122</v>
      </c>
      <c r="J40" s="19">
        <v>56</v>
      </c>
      <c r="K40" s="19">
        <v>66</v>
      </c>
    </row>
    <row r="41" spans="1:11" ht="20.100000000000001" customHeight="1">
      <c r="A41" s="17" t="s">
        <v>79</v>
      </c>
      <c r="B41" s="17"/>
      <c r="C41" s="13">
        <v>343</v>
      </c>
      <c r="D41" s="14">
        <v>185</v>
      </c>
      <c r="E41" s="14">
        <v>158</v>
      </c>
      <c r="F41" s="14"/>
      <c r="G41" s="18" t="s">
        <v>80</v>
      </c>
      <c r="H41" s="17"/>
      <c r="I41" s="13">
        <v>417</v>
      </c>
      <c r="J41" s="14">
        <v>187</v>
      </c>
      <c r="K41" s="14">
        <v>230</v>
      </c>
    </row>
    <row r="42" spans="1:11" ht="15" customHeight="1">
      <c r="A42" s="17" t="s">
        <v>81</v>
      </c>
      <c r="B42" s="17"/>
      <c r="C42" s="13">
        <v>64</v>
      </c>
      <c r="D42" s="19">
        <v>30</v>
      </c>
      <c r="E42" s="19">
        <v>34</v>
      </c>
      <c r="F42" s="19"/>
      <c r="G42" s="18" t="s">
        <v>82</v>
      </c>
      <c r="H42" s="17"/>
      <c r="I42" s="13">
        <v>97</v>
      </c>
      <c r="J42" s="19">
        <v>51</v>
      </c>
      <c r="K42" s="19">
        <v>46</v>
      </c>
    </row>
    <row r="43" spans="1:11" ht="15" customHeight="1">
      <c r="A43" s="17" t="s">
        <v>83</v>
      </c>
      <c r="B43" s="17"/>
      <c r="C43" s="13">
        <v>59</v>
      </c>
      <c r="D43" s="19">
        <v>31</v>
      </c>
      <c r="E43" s="19">
        <v>28</v>
      </c>
      <c r="F43" s="19"/>
      <c r="G43" s="18" t="s">
        <v>84</v>
      </c>
      <c r="H43" s="17"/>
      <c r="I43" s="13">
        <v>83</v>
      </c>
      <c r="J43" s="19">
        <v>36</v>
      </c>
      <c r="K43" s="19">
        <v>47</v>
      </c>
    </row>
    <row r="44" spans="1:11" ht="15" customHeight="1">
      <c r="A44" s="17" t="s">
        <v>85</v>
      </c>
      <c r="B44" s="17"/>
      <c r="C44" s="13">
        <v>77</v>
      </c>
      <c r="D44" s="19">
        <v>43</v>
      </c>
      <c r="E44" s="19">
        <v>34</v>
      </c>
      <c r="F44" s="19"/>
      <c r="G44" s="18" t="s">
        <v>86</v>
      </c>
      <c r="H44" s="17"/>
      <c r="I44" s="13">
        <v>92</v>
      </c>
      <c r="J44" s="19">
        <v>41</v>
      </c>
      <c r="K44" s="19">
        <v>51</v>
      </c>
    </row>
    <row r="45" spans="1:11" ht="15" customHeight="1">
      <c r="A45" s="17" t="s">
        <v>87</v>
      </c>
      <c r="B45" s="17"/>
      <c r="C45" s="13">
        <v>70</v>
      </c>
      <c r="D45" s="19">
        <v>42</v>
      </c>
      <c r="E45" s="19">
        <v>28</v>
      </c>
      <c r="F45" s="19"/>
      <c r="G45" s="18" t="s">
        <v>88</v>
      </c>
      <c r="H45" s="17"/>
      <c r="I45" s="13">
        <v>75</v>
      </c>
      <c r="J45" s="19">
        <v>33</v>
      </c>
      <c r="K45" s="19">
        <v>42</v>
      </c>
    </row>
    <row r="46" spans="1:11" ht="15" customHeight="1">
      <c r="A46" s="17" t="s">
        <v>89</v>
      </c>
      <c r="B46" s="17"/>
      <c r="C46" s="13">
        <v>73</v>
      </c>
      <c r="D46" s="19">
        <v>39</v>
      </c>
      <c r="E46" s="19">
        <v>34</v>
      </c>
      <c r="F46" s="19"/>
      <c r="G46" s="18" t="s">
        <v>90</v>
      </c>
      <c r="H46" s="17"/>
      <c r="I46" s="13">
        <v>70</v>
      </c>
      <c r="J46" s="19">
        <v>26</v>
      </c>
      <c r="K46" s="19">
        <v>44</v>
      </c>
    </row>
    <row r="47" spans="1:11" ht="20.100000000000001" customHeight="1">
      <c r="A47" s="17" t="s">
        <v>91</v>
      </c>
      <c r="B47" s="17"/>
      <c r="C47" s="13">
        <v>450</v>
      </c>
      <c r="D47" s="14">
        <v>250</v>
      </c>
      <c r="E47" s="14">
        <v>200</v>
      </c>
      <c r="F47" s="14"/>
      <c r="G47" s="18" t="s">
        <v>92</v>
      </c>
      <c r="H47" s="17"/>
      <c r="I47" s="13">
        <v>262</v>
      </c>
      <c r="J47" s="14">
        <v>100</v>
      </c>
      <c r="K47" s="14">
        <v>162</v>
      </c>
    </row>
    <row r="48" spans="1:11" ht="15" customHeight="1">
      <c r="A48" s="17" t="s">
        <v>93</v>
      </c>
      <c r="B48" s="17"/>
      <c r="C48" s="13">
        <v>69</v>
      </c>
      <c r="D48" s="19">
        <v>39</v>
      </c>
      <c r="E48" s="19">
        <v>30</v>
      </c>
      <c r="F48" s="19"/>
      <c r="G48" s="18" t="s">
        <v>94</v>
      </c>
      <c r="H48" s="17"/>
      <c r="I48" s="13">
        <v>56</v>
      </c>
      <c r="J48" s="19">
        <v>21</v>
      </c>
      <c r="K48" s="19">
        <v>35</v>
      </c>
    </row>
    <row r="49" spans="1:11" ht="15" customHeight="1">
      <c r="A49" s="17" t="s">
        <v>95</v>
      </c>
      <c r="B49" s="17"/>
      <c r="C49" s="13">
        <v>98</v>
      </c>
      <c r="D49" s="19">
        <v>51</v>
      </c>
      <c r="E49" s="19">
        <v>47</v>
      </c>
      <c r="F49" s="19"/>
      <c r="G49" s="18" t="s">
        <v>96</v>
      </c>
      <c r="H49" s="17"/>
      <c r="I49" s="13">
        <v>60</v>
      </c>
      <c r="J49" s="19">
        <v>30</v>
      </c>
      <c r="K49" s="19">
        <v>30</v>
      </c>
    </row>
    <row r="50" spans="1:11" ht="15" customHeight="1">
      <c r="A50" s="17" t="s">
        <v>97</v>
      </c>
      <c r="B50" s="17"/>
      <c r="C50" s="13">
        <v>86</v>
      </c>
      <c r="D50" s="19">
        <v>49</v>
      </c>
      <c r="E50" s="19">
        <v>37</v>
      </c>
      <c r="F50" s="19"/>
      <c r="G50" s="18" t="s">
        <v>98</v>
      </c>
      <c r="H50" s="17"/>
      <c r="I50" s="13">
        <v>60</v>
      </c>
      <c r="J50" s="19">
        <v>26</v>
      </c>
      <c r="K50" s="19">
        <v>34</v>
      </c>
    </row>
    <row r="51" spans="1:11" ht="15" customHeight="1">
      <c r="A51" s="17" t="s">
        <v>99</v>
      </c>
      <c r="B51" s="17"/>
      <c r="C51" s="13">
        <v>99</v>
      </c>
      <c r="D51" s="19">
        <v>59</v>
      </c>
      <c r="E51" s="19">
        <v>40</v>
      </c>
      <c r="F51" s="19"/>
      <c r="G51" s="18" t="s">
        <v>100</v>
      </c>
      <c r="H51" s="17"/>
      <c r="I51" s="13">
        <v>39</v>
      </c>
      <c r="J51" s="19">
        <v>12</v>
      </c>
      <c r="K51" s="19">
        <v>27</v>
      </c>
    </row>
    <row r="52" spans="1:11" ht="15" customHeight="1">
      <c r="A52" s="17" t="s">
        <v>101</v>
      </c>
      <c r="B52" s="17"/>
      <c r="C52" s="13">
        <v>98</v>
      </c>
      <c r="D52" s="19">
        <v>52</v>
      </c>
      <c r="E52" s="19">
        <v>46</v>
      </c>
      <c r="F52" s="19"/>
      <c r="G52" s="18" t="s">
        <v>102</v>
      </c>
      <c r="H52" s="17"/>
      <c r="I52" s="13">
        <v>47</v>
      </c>
      <c r="J52" s="19">
        <v>11</v>
      </c>
      <c r="K52" s="19">
        <v>36</v>
      </c>
    </row>
    <row r="53" spans="1:11" ht="20.100000000000001" customHeight="1">
      <c r="A53" s="17" t="s">
        <v>103</v>
      </c>
      <c r="B53" s="17"/>
      <c r="C53" s="13">
        <v>629</v>
      </c>
      <c r="D53" s="14">
        <v>335</v>
      </c>
      <c r="E53" s="14">
        <v>294</v>
      </c>
      <c r="F53" s="14"/>
      <c r="G53" s="18" t="s">
        <v>104</v>
      </c>
      <c r="H53" s="17"/>
      <c r="I53" s="13">
        <v>164</v>
      </c>
      <c r="J53" s="14">
        <v>51</v>
      </c>
      <c r="K53" s="14">
        <v>113</v>
      </c>
    </row>
    <row r="54" spans="1:11" ht="15" customHeight="1">
      <c r="A54" s="17" t="s">
        <v>105</v>
      </c>
      <c r="B54" s="17"/>
      <c r="C54" s="13">
        <v>110</v>
      </c>
      <c r="D54" s="19">
        <v>63</v>
      </c>
      <c r="E54" s="19">
        <v>47</v>
      </c>
      <c r="F54" s="19"/>
      <c r="G54" s="18" t="s">
        <v>106</v>
      </c>
      <c r="H54" s="17"/>
      <c r="I54" s="13">
        <v>42</v>
      </c>
      <c r="J54" s="19">
        <v>16</v>
      </c>
      <c r="K54" s="19">
        <v>26</v>
      </c>
    </row>
    <row r="55" spans="1:11" ht="15" customHeight="1">
      <c r="A55" s="17" t="s">
        <v>107</v>
      </c>
      <c r="B55" s="17"/>
      <c r="C55" s="13">
        <v>122</v>
      </c>
      <c r="D55" s="19">
        <v>66</v>
      </c>
      <c r="E55" s="19">
        <v>56</v>
      </c>
      <c r="F55" s="19"/>
      <c r="G55" s="18" t="s">
        <v>108</v>
      </c>
      <c r="H55" s="17"/>
      <c r="I55" s="13">
        <v>31</v>
      </c>
      <c r="J55" s="19">
        <v>10</v>
      </c>
      <c r="K55" s="19">
        <v>21</v>
      </c>
    </row>
    <row r="56" spans="1:11" ht="15" customHeight="1">
      <c r="A56" s="17" t="s">
        <v>109</v>
      </c>
      <c r="B56" s="17"/>
      <c r="C56" s="13">
        <v>144</v>
      </c>
      <c r="D56" s="19">
        <v>87</v>
      </c>
      <c r="E56" s="19">
        <v>57</v>
      </c>
      <c r="F56" s="19"/>
      <c r="G56" s="18" t="s">
        <v>110</v>
      </c>
      <c r="H56" s="17"/>
      <c r="I56" s="13">
        <v>39</v>
      </c>
      <c r="J56" s="19">
        <v>11</v>
      </c>
      <c r="K56" s="19">
        <v>28</v>
      </c>
    </row>
    <row r="57" spans="1:11" ht="15" customHeight="1">
      <c r="A57" s="17" t="s">
        <v>111</v>
      </c>
      <c r="B57" s="17"/>
      <c r="C57" s="13">
        <v>128</v>
      </c>
      <c r="D57" s="19">
        <v>62</v>
      </c>
      <c r="E57" s="19">
        <v>66</v>
      </c>
      <c r="F57" s="19"/>
      <c r="G57" s="18" t="s">
        <v>112</v>
      </c>
      <c r="H57" s="17"/>
      <c r="I57" s="13">
        <v>23</v>
      </c>
      <c r="J57" s="19">
        <v>5</v>
      </c>
      <c r="K57" s="19">
        <v>18</v>
      </c>
    </row>
    <row r="58" spans="1:11" ht="15" customHeight="1">
      <c r="A58" s="17" t="s">
        <v>113</v>
      </c>
      <c r="B58" s="17"/>
      <c r="C58" s="13">
        <v>125</v>
      </c>
      <c r="D58" s="19">
        <v>57</v>
      </c>
      <c r="E58" s="19">
        <v>68</v>
      </c>
      <c r="F58" s="19"/>
      <c r="G58" s="18" t="s">
        <v>114</v>
      </c>
      <c r="H58" s="17"/>
      <c r="I58" s="13">
        <v>29</v>
      </c>
      <c r="J58" s="19">
        <v>9</v>
      </c>
      <c r="K58" s="19">
        <v>20</v>
      </c>
    </row>
    <row r="59" spans="1:11" ht="20.100000000000001" customHeight="1">
      <c r="A59" s="17" t="s">
        <v>115</v>
      </c>
      <c r="B59" s="17"/>
      <c r="C59" s="13">
        <v>775</v>
      </c>
      <c r="D59" s="14">
        <v>412</v>
      </c>
      <c r="E59" s="14">
        <v>363</v>
      </c>
      <c r="F59" s="14"/>
      <c r="G59" s="18" t="s">
        <v>116</v>
      </c>
      <c r="H59" s="17"/>
      <c r="I59" s="13">
        <v>64</v>
      </c>
      <c r="J59" s="14">
        <v>13</v>
      </c>
      <c r="K59" s="14">
        <v>51</v>
      </c>
    </row>
    <row r="60" spans="1:11" ht="15" customHeight="1">
      <c r="A60" s="17" t="s">
        <v>117</v>
      </c>
      <c r="B60" s="17"/>
      <c r="C60" s="13">
        <v>159</v>
      </c>
      <c r="D60" s="19">
        <v>80</v>
      </c>
      <c r="E60" s="19">
        <v>79</v>
      </c>
      <c r="F60" s="19"/>
      <c r="G60" s="18" t="s">
        <v>118</v>
      </c>
      <c r="H60" s="17"/>
      <c r="I60" s="13">
        <v>24</v>
      </c>
      <c r="J60" s="19">
        <v>7</v>
      </c>
      <c r="K60" s="19">
        <v>17</v>
      </c>
    </row>
    <row r="61" spans="1:11" ht="15" customHeight="1">
      <c r="A61" s="17" t="s">
        <v>119</v>
      </c>
      <c r="B61" s="17"/>
      <c r="C61" s="13">
        <v>150</v>
      </c>
      <c r="D61" s="19">
        <v>72</v>
      </c>
      <c r="E61" s="19">
        <v>78</v>
      </c>
      <c r="F61" s="19"/>
      <c r="G61" s="18" t="s">
        <v>120</v>
      </c>
      <c r="H61" s="17"/>
      <c r="I61" s="13">
        <v>16</v>
      </c>
      <c r="J61" s="19">
        <v>4</v>
      </c>
      <c r="K61" s="19">
        <v>12</v>
      </c>
    </row>
    <row r="62" spans="1:11" ht="15" customHeight="1">
      <c r="A62" s="17" t="s">
        <v>121</v>
      </c>
      <c r="B62" s="17"/>
      <c r="C62" s="13">
        <v>175</v>
      </c>
      <c r="D62" s="19">
        <v>98</v>
      </c>
      <c r="E62" s="19">
        <v>77</v>
      </c>
      <c r="F62" s="19"/>
      <c r="G62" s="18" t="s">
        <v>122</v>
      </c>
      <c r="H62" s="17"/>
      <c r="I62" s="13">
        <v>9</v>
      </c>
      <c r="J62" s="19">
        <v>1</v>
      </c>
      <c r="K62" s="19">
        <v>8</v>
      </c>
    </row>
    <row r="63" spans="1:11" ht="15" customHeight="1">
      <c r="A63" s="17" t="s">
        <v>123</v>
      </c>
      <c r="B63" s="17"/>
      <c r="C63" s="13">
        <v>148</v>
      </c>
      <c r="D63" s="19">
        <v>75</v>
      </c>
      <c r="E63" s="19">
        <v>73</v>
      </c>
      <c r="F63" s="19"/>
      <c r="G63" s="18" t="s">
        <v>124</v>
      </c>
      <c r="H63" s="17"/>
      <c r="I63" s="13">
        <v>9</v>
      </c>
      <c r="J63" s="19">
        <v>1</v>
      </c>
      <c r="K63" s="19">
        <v>8</v>
      </c>
    </row>
    <row r="64" spans="1:11" ht="15" customHeight="1">
      <c r="A64" s="17" t="s">
        <v>125</v>
      </c>
      <c r="B64" s="17"/>
      <c r="C64" s="13">
        <v>143</v>
      </c>
      <c r="D64" s="19">
        <v>87</v>
      </c>
      <c r="E64" s="19">
        <v>56</v>
      </c>
      <c r="F64" s="19"/>
      <c r="G64" s="18" t="s">
        <v>126</v>
      </c>
      <c r="H64" s="17"/>
      <c r="I64" s="13">
        <v>6</v>
      </c>
      <c r="J64" s="19">
        <v>0</v>
      </c>
      <c r="K64" s="19">
        <v>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1</v>
      </c>
      <c r="J65" s="19">
        <v>0</v>
      </c>
      <c r="K65" s="19">
        <v>2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</v>
      </c>
      <c r="J66" s="29">
        <v>8</v>
      </c>
      <c r="K66" s="29">
        <v>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49910</v>
      </c>
      <c r="D4" s="14">
        <v>78718</v>
      </c>
      <c r="E4" s="14">
        <v>7119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929</v>
      </c>
      <c r="D5" s="14">
        <v>2559</v>
      </c>
      <c r="E5" s="14">
        <v>2370</v>
      </c>
      <c r="F5" s="14"/>
      <c r="G5" s="18" t="s">
        <v>8</v>
      </c>
      <c r="H5" s="17"/>
      <c r="I5" s="13">
        <v>13371</v>
      </c>
      <c r="J5" s="14">
        <v>7177</v>
      </c>
      <c r="K5" s="14">
        <v>6194</v>
      </c>
    </row>
    <row r="6" spans="1:11" ht="15" customHeight="1">
      <c r="A6" s="17" t="s">
        <v>9</v>
      </c>
      <c r="B6" s="17"/>
      <c r="C6" s="13">
        <v>907</v>
      </c>
      <c r="D6" s="19">
        <v>461</v>
      </c>
      <c r="E6" s="19">
        <v>446</v>
      </c>
      <c r="F6" s="19"/>
      <c r="G6" s="18" t="s">
        <v>10</v>
      </c>
      <c r="H6" s="17"/>
      <c r="I6" s="13">
        <v>2832</v>
      </c>
      <c r="J6" s="19">
        <v>1496</v>
      </c>
      <c r="K6" s="19">
        <v>1336</v>
      </c>
    </row>
    <row r="7" spans="1:11" ht="15" customHeight="1">
      <c r="A7" s="17" t="s">
        <v>11</v>
      </c>
      <c r="B7" s="17"/>
      <c r="C7" s="13">
        <v>972</v>
      </c>
      <c r="D7" s="19">
        <v>516</v>
      </c>
      <c r="E7" s="19">
        <v>456</v>
      </c>
      <c r="F7" s="19"/>
      <c r="G7" s="18" t="s">
        <v>12</v>
      </c>
      <c r="H7" s="17"/>
      <c r="I7" s="13">
        <v>2807</v>
      </c>
      <c r="J7" s="19">
        <v>1485</v>
      </c>
      <c r="K7" s="19">
        <v>1322</v>
      </c>
    </row>
    <row r="8" spans="1:11" ht="15" customHeight="1">
      <c r="A8" s="17" t="s">
        <v>13</v>
      </c>
      <c r="B8" s="17"/>
      <c r="C8" s="13">
        <v>996</v>
      </c>
      <c r="D8" s="19">
        <v>518</v>
      </c>
      <c r="E8" s="19">
        <v>478</v>
      </c>
      <c r="F8" s="19"/>
      <c r="G8" s="18" t="s">
        <v>14</v>
      </c>
      <c r="H8" s="17"/>
      <c r="I8" s="13">
        <v>2890</v>
      </c>
      <c r="J8" s="19">
        <v>1559</v>
      </c>
      <c r="K8" s="19">
        <v>1331</v>
      </c>
    </row>
    <row r="9" spans="1:11" ht="15" customHeight="1">
      <c r="A9" s="17" t="s">
        <v>15</v>
      </c>
      <c r="B9" s="17"/>
      <c r="C9" s="13">
        <v>1059</v>
      </c>
      <c r="D9" s="19">
        <v>562</v>
      </c>
      <c r="E9" s="19">
        <v>497</v>
      </c>
      <c r="F9" s="19"/>
      <c r="G9" s="18" t="s">
        <v>16</v>
      </c>
      <c r="H9" s="17"/>
      <c r="I9" s="13">
        <v>2101</v>
      </c>
      <c r="J9" s="19">
        <v>1143</v>
      </c>
      <c r="K9" s="19">
        <v>958</v>
      </c>
    </row>
    <row r="10" spans="1:11" ht="15" customHeight="1">
      <c r="A10" s="17" t="s">
        <v>17</v>
      </c>
      <c r="B10" s="17"/>
      <c r="C10" s="13">
        <v>995</v>
      </c>
      <c r="D10" s="19">
        <v>502</v>
      </c>
      <c r="E10" s="19">
        <v>493</v>
      </c>
      <c r="F10" s="19"/>
      <c r="G10" s="18" t="s">
        <v>18</v>
      </c>
      <c r="H10" s="17"/>
      <c r="I10" s="13">
        <v>2741</v>
      </c>
      <c r="J10" s="19">
        <v>1494</v>
      </c>
      <c r="K10" s="19">
        <v>1247</v>
      </c>
    </row>
    <row r="11" spans="1:11" ht="20.100000000000001" customHeight="1">
      <c r="A11" s="17" t="s">
        <v>19</v>
      </c>
      <c r="B11" s="17"/>
      <c r="C11" s="13">
        <v>5033</v>
      </c>
      <c r="D11" s="14">
        <v>2603</v>
      </c>
      <c r="E11" s="14">
        <v>2430</v>
      </c>
      <c r="F11" s="14"/>
      <c r="G11" s="18" t="s">
        <v>20</v>
      </c>
      <c r="H11" s="17"/>
      <c r="I11" s="13">
        <v>10960</v>
      </c>
      <c r="J11" s="14">
        <v>6113</v>
      </c>
      <c r="K11" s="14">
        <v>4847</v>
      </c>
    </row>
    <row r="12" spans="1:11" ht="15" customHeight="1">
      <c r="A12" s="17" t="s">
        <v>21</v>
      </c>
      <c r="B12" s="17"/>
      <c r="C12" s="13">
        <v>983</v>
      </c>
      <c r="D12" s="19">
        <v>487</v>
      </c>
      <c r="E12" s="19">
        <v>496</v>
      </c>
      <c r="F12" s="19"/>
      <c r="G12" s="18" t="s">
        <v>22</v>
      </c>
      <c r="H12" s="17"/>
      <c r="I12" s="13">
        <v>2546</v>
      </c>
      <c r="J12" s="19">
        <v>1474</v>
      </c>
      <c r="K12" s="19">
        <v>1072</v>
      </c>
    </row>
    <row r="13" spans="1:11" ht="15" customHeight="1">
      <c r="A13" s="17" t="s">
        <v>23</v>
      </c>
      <c r="B13" s="17"/>
      <c r="C13" s="13">
        <v>967</v>
      </c>
      <c r="D13" s="19">
        <v>499</v>
      </c>
      <c r="E13" s="19">
        <v>468</v>
      </c>
      <c r="F13" s="19"/>
      <c r="G13" s="18" t="s">
        <v>24</v>
      </c>
      <c r="H13" s="17"/>
      <c r="I13" s="13">
        <v>2363</v>
      </c>
      <c r="J13" s="19">
        <v>1333</v>
      </c>
      <c r="K13" s="19">
        <v>1030</v>
      </c>
    </row>
    <row r="14" spans="1:11" ht="15" customHeight="1">
      <c r="A14" s="17" t="s">
        <v>25</v>
      </c>
      <c r="B14" s="17"/>
      <c r="C14" s="13">
        <v>1041</v>
      </c>
      <c r="D14" s="19">
        <v>549</v>
      </c>
      <c r="E14" s="19">
        <v>492</v>
      </c>
      <c r="F14" s="19"/>
      <c r="G14" s="18" t="s">
        <v>26</v>
      </c>
      <c r="H14" s="17"/>
      <c r="I14" s="13">
        <v>2149</v>
      </c>
      <c r="J14" s="19">
        <v>1190</v>
      </c>
      <c r="K14" s="19">
        <v>959</v>
      </c>
    </row>
    <row r="15" spans="1:11" ht="15" customHeight="1">
      <c r="A15" s="17" t="s">
        <v>27</v>
      </c>
      <c r="B15" s="17"/>
      <c r="C15" s="13">
        <v>937</v>
      </c>
      <c r="D15" s="19">
        <v>491</v>
      </c>
      <c r="E15" s="19">
        <v>446</v>
      </c>
      <c r="F15" s="19"/>
      <c r="G15" s="18" t="s">
        <v>28</v>
      </c>
      <c r="H15" s="17"/>
      <c r="I15" s="13">
        <v>1952</v>
      </c>
      <c r="J15" s="19">
        <v>1067</v>
      </c>
      <c r="K15" s="19">
        <v>885</v>
      </c>
    </row>
    <row r="16" spans="1:11" ht="15" customHeight="1">
      <c r="A16" s="17" t="s">
        <v>29</v>
      </c>
      <c r="B16" s="17"/>
      <c r="C16" s="13">
        <v>1105</v>
      </c>
      <c r="D16" s="19">
        <v>577</v>
      </c>
      <c r="E16" s="19">
        <v>528</v>
      </c>
      <c r="F16" s="19"/>
      <c r="G16" s="18" t="s">
        <v>30</v>
      </c>
      <c r="H16" s="17"/>
      <c r="I16" s="13">
        <v>1950</v>
      </c>
      <c r="J16" s="19">
        <v>1049</v>
      </c>
      <c r="K16" s="19">
        <v>901</v>
      </c>
    </row>
    <row r="17" spans="1:11" ht="20.100000000000001" customHeight="1">
      <c r="A17" s="20" t="s">
        <v>31</v>
      </c>
      <c r="B17" s="20"/>
      <c r="C17" s="13">
        <v>5249</v>
      </c>
      <c r="D17" s="14">
        <v>2713</v>
      </c>
      <c r="E17" s="14">
        <v>2536</v>
      </c>
      <c r="F17" s="14"/>
      <c r="G17" s="18" t="s">
        <v>32</v>
      </c>
      <c r="H17" s="17"/>
      <c r="I17" s="13">
        <v>8858</v>
      </c>
      <c r="J17" s="14">
        <v>5018</v>
      </c>
      <c r="K17" s="14">
        <v>3840</v>
      </c>
    </row>
    <row r="18" spans="1:11" ht="15" customHeight="1">
      <c r="A18" s="17" t="s">
        <v>33</v>
      </c>
      <c r="B18" s="17"/>
      <c r="C18" s="13">
        <v>1037</v>
      </c>
      <c r="D18" s="19">
        <v>548</v>
      </c>
      <c r="E18" s="19">
        <v>489</v>
      </c>
      <c r="F18" s="19"/>
      <c r="G18" s="18" t="s">
        <v>34</v>
      </c>
      <c r="H18" s="17"/>
      <c r="I18" s="13">
        <v>1886</v>
      </c>
      <c r="J18" s="19">
        <v>1077</v>
      </c>
      <c r="K18" s="19">
        <v>809</v>
      </c>
    </row>
    <row r="19" spans="1:11" ht="15" customHeight="1">
      <c r="A19" s="17" t="s">
        <v>35</v>
      </c>
      <c r="B19" s="17"/>
      <c r="C19" s="13">
        <v>1054</v>
      </c>
      <c r="D19" s="19">
        <v>554</v>
      </c>
      <c r="E19" s="19">
        <v>500</v>
      </c>
      <c r="F19" s="19"/>
      <c r="G19" s="18" t="s">
        <v>36</v>
      </c>
      <c r="H19" s="17"/>
      <c r="I19" s="13">
        <v>1911</v>
      </c>
      <c r="J19" s="19">
        <v>1099</v>
      </c>
      <c r="K19" s="19">
        <v>812</v>
      </c>
    </row>
    <row r="20" spans="1:11" ht="15" customHeight="1">
      <c r="A20" s="17" t="s">
        <v>37</v>
      </c>
      <c r="B20" s="17"/>
      <c r="C20" s="13">
        <v>1069</v>
      </c>
      <c r="D20" s="19">
        <v>517</v>
      </c>
      <c r="E20" s="19">
        <v>552</v>
      </c>
      <c r="F20" s="19"/>
      <c r="G20" s="18" t="s">
        <v>38</v>
      </c>
      <c r="H20" s="17"/>
      <c r="I20" s="13">
        <v>1703</v>
      </c>
      <c r="J20" s="19">
        <v>965</v>
      </c>
      <c r="K20" s="19">
        <v>738</v>
      </c>
    </row>
    <row r="21" spans="1:11" ht="15" customHeight="1">
      <c r="A21" s="17" t="s">
        <v>39</v>
      </c>
      <c r="B21" s="17"/>
      <c r="C21" s="13">
        <v>1057</v>
      </c>
      <c r="D21" s="19">
        <v>558</v>
      </c>
      <c r="E21" s="19">
        <v>499</v>
      </c>
      <c r="F21" s="19"/>
      <c r="G21" s="18" t="s">
        <v>40</v>
      </c>
      <c r="H21" s="17"/>
      <c r="I21" s="13">
        <v>1645</v>
      </c>
      <c r="J21" s="19">
        <v>919</v>
      </c>
      <c r="K21" s="19">
        <v>726</v>
      </c>
    </row>
    <row r="22" spans="1:11" ht="15" customHeight="1">
      <c r="A22" s="17" t="s">
        <v>41</v>
      </c>
      <c r="B22" s="17"/>
      <c r="C22" s="13">
        <v>1032</v>
      </c>
      <c r="D22" s="19">
        <v>536</v>
      </c>
      <c r="E22" s="19">
        <v>496</v>
      </c>
      <c r="F22" s="19"/>
      <c r="G22" s="18" t="s">
        <v>42</v>
      </c>
      <c r="H22" s="17"/>
      <c r="I22" s="13">
        <v>1713</v>
      </c>
      <c r="J22" s="19">
        <v>958</v>
      </c>
      <c r="K22" s="19">
        <v>755</v>
      </c>
    </row>
    <row r="23" spans="1:11" ht="20.100000000000001" customHeight="1">
      <c r="A23" s="17" t="s">
        <v>43</v>
      </c>
      <c r="B23" s="17"/>
      <c r="C23" s="13">
        <v>5491</v>
      </c>
      <c r="D23" s="14">
        <v>2764</v>
      </c>
      <c r="E23" s="14">
        <v>2727</v>
      </c>
      <c r="F23" s="14"/>
      <c r="G23" s="18" t="s">
        <v>44</v>
      </c>
      <c r="H23" s="17"/>
      <c r="I23" s="13">
        <v>9041</v>
      </c>
      <c r="J23" s="14">
        <v>5253</v>
      </c>
      <c r="K23" s="14">
        <v>3788</v>
      </c>
    </row>
    <row r="24" spans="1:11" ht="15" customHeight="1">
      <c r="A24" s="17" t="s">
        <v>45</v>
      </c>
      <c r="B24" s="17"/>
      <c r="C24" s="13">
        <v>1025</v>
      </c>
      <c r="D24" s="19">
        <v>513</v>
      </c>
      <c r="E24" s="19">
        <v>512</v>
      </c>
      <c r="F24" s="19"/>
      <c r="G24" s="18" t="s">
        <v>46</v>
      </c>
      <c r="H24" s="17"/>
      <c r="I24" s="13">
        <v>1600</v>
      </c>
      <c r="J24" s="19">
        <v>908</v>
      </c>
      <c r="K24" s="19">
        <v>692</v>
      </c>
    </row>
    <row r="25" spans="1:11" ht="15" customHeight="1">
      <c r="A25" s="17" t="s">
        <v>47</v>
      </c>
      <c r="B25" s="17"/>
      <c r="C25" s="13">
        <v>1061</v>
      </c>
      <c r="D25" s="19">
        <v>542</v>
      </c>
      <c r="E25" s="19">
        <v>519</v>
      </c>
      <c r="F25" s="19"/>
      <c r="G25" s="18" t="s">
        <v>48</v>
      </c>
      <c r="H25" s="17"/>
      <c r="I25" s="13">
        <v>1714</v>
      </c>
      <c r="J25" s="19">
        <v>959</v>
      </c>
      <c r="K25" s="19">
        <v>755</v>
      </c>
    </row>
    <row r="26" spans="1:11" ht="15" customHeight="1">
      <c r="A26" s="17" t="s">
        <v>49</v>
      </c>
      <c r="B26" s="17"/>
      <c r="C26" s="13">
        <v>1076</v>
      </c>
      <c r="D26" s="19">
        <v>504</v>
      </c>
      <c r="E26" s="19">
        <v>572</v>
      </c>
      <c r="F26" s="19"/>
      <c r="G26" s="18" t="s">
        <v>50</v>
      </c>
      <c r="H26" s="17"/>
      <c r="I26" s="13">
        <v>1831</v>
      </c>
      <c r="J26" s="19">
        <v>1064</v>
      </c>
      <c r="K26" s="19">
        <v>767</v>
      </c>
    </row>
    <row r="27" spans="1:11" ht="15" customHeight="1">
      <c r="A27" s="17" t="s">
        <v>51</v>
      </c>
      <c r="B27" s="17"/>
      <c r="C27" s="13">
        <v>1118</v>
      </c>
      <c r="D27" s="19">
        <v>575</v>
      </c>
      <c r="E27" s="19">
        <v>543</v>
      </c>
      <c r="F27" s="19"/>
      <c r="G27" s="18" t="s">
        <v>52</v>
      </c>
      <c r="H27" s="17"/>
      <c r="I27" s="13">
        <v>1802</v>
      </c>
      <c r="J27" s="19">
        <v>1045</v>
      </c>
      <c r="K27" s="19">
        <v>757</v>
      </c>
    </row>
    <row r="28" spans="1:11" ht="15" customHeight="1">
      <c r="A28" s="17" t="s">
        <v>53</v>
      </c>
      <c r="B28" s="17"/>
      <c r="C28" s="13">
        <v>1211</v>
      </c>
      <c r="D28" s="19">
        <v>630</v>
      </c>
      <c r="E28" s="19">
        <v>581</v>
      </c>
      <c r="F28" s="19"/>
      <c r="G28" s="18" t="s">
        <v>54</v>
      </c>
      <c r="H28" s="17"/>
      <c r="I28" s="13">
        <v>2094</v>
      </c>
      <c r="J28" s="19">
        <v>1277</v>
      </c>
      <c r="K28" s="19">
        <v>817</v>
      </c>
    </row>
    <row r="29" spans="1:11" ht="20.100000000000001" customHeight="1">
      <c r="A29" s="17" t="s">
        <v>55</v>
      </c>
      <c r="B29" s="17"/>
      <c r="C29" s="13">
        <v>7377</v>
      </c>
      <c r="D29" s="14">
        <v>3891</v>
      </c>
      <c r="E29" s="14">
        <v>3486</v>
      </c>
      <c r="F29" s="14"/>
      <c r="G29" s="18" t="s">
        <v>56</v>
      </c>
      <c r="H29" s="17"/>
      <c r="I29" s="13">
        <v>9515</v>
      </c>
      <c r="J29" s="14">
        <v>5275</v>
      </c>
      <c r="K29" s="14">
        <v>4240</v>
      </c>
    </row>
    <row r="30" spans="1:11" ht="15" customHeight="1">
      <c r="A30" s="17" t="s">
        <v>57</v>
      </c>
      <c r="B30" s="17"/>
      <c r="C30" s="13">
        <v>1273</v>
      </c>
      <c r="D30" s="19">
        <v>648</v>
      </c>
      <c r="E30" s="19">
        <v>625</v>
      </c>
      <c r="F30" s="19"/>
      <c r="G30" s="18" t="s">
        <v>58</v>
      </c>
      <c r="H30" s="17"/>
      <c r="I30" s="13">
        <v>2315</v>
      </c>
      <c r="J30" s="19">
        <v>1330</v>
      </c>
      <c r="K30" s="19">
        <v>985</v>
      </c>
    </row>
    <row r="31" spans="1:11" ht="15" customHeight="1">
      <c r="A31" s="17" t="s">
        <v>59</v>
      </c>
      <c r="B31" s="17"/>
      <c r="C31" s="13">
        <v>1382</v>
      </c>
      <c r="D31" s="19">
        <v>687</v>
      </c>
      <c r="E31" s="19">
        <v>695</v>
      </c>
      <c r="F31" s="19"/>
      <c r="G31" s="18" t="s">
        <v>60</v>
      </c>
      <c r="H31" s="17"/>
      <c r="I31" s="13">
        <v>2144</v>
      </c>
      <c r="J31" s="19">
        <v>1165</v>
      </c>
      <c r="K31" s="19">
        <v>979</v>
      </c>
    </row>
    <row r="32" spans="1:11" ht="15" customHeight="1">
      <c r="A32" s="17" t="s">
        <v>61</v>
      </c>
      <c r="B32" s="17"/>
      <c r="C32" s="13">
        <v>1428</v>
      </c>
      <c r="D32" s="19">
        <v>753</v>
      </c>
      <c r="E32" s="19">
        <v>675</v>
      </c>
      <c r="F32" s="19"/>
      <c r="G32" s="18" t="s">
        <v>62</v>
      </c>
      <c r="H32" s="17"/>
      <c r="I32" s="13">
        <v>2291</v>
      </c>
      <c r="J32" s="19">
        <v>1281</v>
      </c>
      <c r="K32" s="19">
        <v>1010</v>
      </c>
    </row>
    <row r="33" spans="1:11" ht="15" customHeight="1">
      <c r="A33" s="17" t="s">
        <v>63</v>
      </c>
      <c r="B33" s="17"/>
      <c r="C33" s="13">
        <v>1592</v>
      </c>
      <c r="D33" s="19">
        <v>861</v>
      </c>
      <c r="E33" s="19">
        <v>731</v>
      </c>
      <c r="F33" s="19"/>
      <c r="G33" s="18" t="s">
        <v>64</v>
      </c>
      <c r="H33" s="17"/>
      <c r="I33" s="13">
        <v>1409</v>
      </c>
      <c r="J33" s="19">
        <v>796</v>
      </c>
      <c r="K33" s="19">
        <v>613</v>
      </c>
    </row>
    <row r="34" spans="1:11" ht="15" customHeight="1">
      <c r="A34" s="17" t="s">
        <v>65</v>
      </c>
      <c r="B34" s="17"/>
      <c r="C34" s="13">
        <v>1702</v>
      </c>
      <c r="D34" s="19">
        <v>942</v>
      </c>
      <c r="E34" s="19">
        <v>760</v>
      </c>
      <c r="F34" s="19"/>
      <c r="G34" s="18" t="s">
        <v>66</v>
      </c>
      <c r="H34" s="17"/>
      <c r="I34" s="13">
        <v>1356</v>
      </c>
      <c r="J34" s="19">
        <v>703</v>
      </c>
      <c r="K34" s="19">
        <v>653</v>
      </c>
    </row>
    <row r="35" spans="1:11" ht="20.100000000000001" customHeight="1">
      <c r="A35" s="17" t="s">
        <v>67</v>
      </c>
      <c r="B35" s="17"/>
      <c r="C35" s="13">
        <v>7607</v>
      </c>
      <c r="D35" s="14">
        <v>4062</v>
      </c>
      <c r="E35" s="14">
        <v>3545</v>
      </c>
      <c r="F35" s="14"/>
      <c r="G35" s="18" t="s">
        <v>68</v>
      </c>
      <c r="H35" s="17"/>
      <c r="I35" s="13">
        <v>7040</v>
      </c>
      <c r="J35" s="14">
        <v>3660</v>
      </c>
      <c r="K35" s="14">
        <v>3380</v>
      </c>
    </row>
    <row r="36" spans="1:11" ht="15" customHeight="1">
      <c r="A36" s="17" t="s">
        <v>69</v>
      </c>
      <c r="B36" s="17"/>
      <c r="C36" s="13">
        <v>1489</v>
      </c>
      <c r="D36" s="19">
        <v>764</v>
      </c>
      <c r="E36" s="19">
        <v>725</v>
      </c>
      <c r="F36" s="19"/>
      <c r="G36" s="18" t="s">
        <v>70</v>
      </c>
      <c r="H36" s="17"/>
      <c r="I36" s="13">
        <v>1546</v>
      </c>
      <c r="J36" s="19">
        <v>863</v>
      </c>
      <c r="K36" s="19">
        <v>683</v>
      </c>
    </row>
    <row r="37" spans="1:11" ht="15" customHeight="1">
      <c r="A37" s="17" t="s">
        <v>71</v>
      </c>
      <c r="B37" s="17"/>
      <c r="C37" s="13">
        <v>1568</v>
      </c>
      <c r="D37" s="19">
        <v>816</v>
      </c>
      <c r="E37" s="19">
        <v>752</v>
      </c>
      <c r="F37" s="19"/>
      <c r="G37" s="18" t="s">
        <v>72</v>
      </c>
      <c r="H37" s="17"/>
      <c r="I37" s="13">
        <v>1524</v>
      </c>
      <c r="J37" s="19">
        <v>798</v>
      </c>
      <c r="K37" s="19">
        <v>726</v>
      </c>
    </row>
    <row r="38" spans="1:11" ht="15" customHeight="1">
      <c r="A38" s="17" t="s">
        <v>73</v>
      </c>
      <c r="B38" s="17"/>
      <c r="C38" s="13">
        <v>1479</v>
      </c>
      <c r="D38" s="19">
        <v>830</v>
      </c>
      <c r="E38" s="19">
        <v>649</v>
      </c>
      <c r="F38" s="19"/>
      <c r="G38" s="18" t="s">
        <v>74</v>
      </c>
      <c r="H38" s="17"/>
      <c r="I38" s="13">
        <v>1467</v>
      </c>
      <c r="J38" s="19">
        <v>751</v>
      </c>
      <c r="K38" s="19">
        <v>716</v>
      </c>
    </row>
    <row r="39" spans="1:11" ht="15" customHeight="1">
      <c r="A39" s="17" t="s">
        <v>75</v>
      </c>
      <c r="B39" s="17"/>
      <c r="C39" s="13">
        <v>1502</v>
      </c>
      <c r="D39" s="19">
        <v>823</v>
      </c>
      <c r="E39" s="19">
        <v>679</v>
      </c>
      <c r="F39" s="19"/>
      <c r="G39" s="18" t="s">
        <v>76</v>
      </c>
      <c r="H39" s="17"/>
      <c r="I39" s="13">
        <v>1304</v>
      </c>
      <c r="J39" s="19">
        <v>676</v>
      </c>
      <c r="K39" s="19">
        <v>628</v>
      </c>
    </row>
    <row r="40" spans="1:11" ht="15" customHeight="1">
      <c r="A40" s="17" t="s">
        <v>77</v>
      </c>
      <c r="B40" s="17"/>
      <c r="C40" s="13">
        <v>1569</v>
      </c>
      <c r="D40" s="19">
        <v>829</v>
      </c>
      <c r="E40" s="19">
        <v>740</v>
      </c>
      <c r="F40" s="19"/>
      <c r="G40" s="18" t="s">
        <v>78</v>
      </c>
      <c r="H40" s="17"/>
      <c r="I40" s="13">
        <v>1199</v>
      </c>
      <c r="J40" s="19">
        <v>572</v>
      </c>
      <c r="K40" s="19">
        <v>627</v>
      </c>
    </row>
    <row r="41" spans="1:11" ht="20.100000000000001" customHeight="1">
      <c r="A41" s="17" t="s">
        <v>79</v>
      </c>
      <c r="B41" s="17"/>
      <c r="C41" s="13">
        <v>8134</v>
      </c>
      <c r="D41" s="14">
        <v>4107</v>
      </c>
      <c r="E41" s="14">
        <v>4027</v>
      </c>
      <c r="F41" s="14"/>
      <c r="G41" s="18" t="s">
        <v>80</v>
      </c>
      <c r="H41" s="17"/>
      <c r="I41" s="13">
        <v>4789</v>
      </c>
      <c r="J41" s="14">
        <v>2098</v>
      </c>
      <c r="K41" s="14">
        <v>2691</v>
      </c>
    </row>
    <row r="42" spans="1:11" ht="15" customHeight="1">
      <c r="A42" s="17" t="s">
        <v>81</v>
      </c>
      <c r="B42" s="17"/>
      <c r="C42" s="13">
        <v>1530</v>
      </c>
      <c r="D42" s="19">
        <v>782</v>
      </c>
      <c r="E42" s="19">
        <v>748</v>
      </c>
      <c r="F42" s="19"/>
      <c r="G42" s="18" t="s">
        <v>82</v>
      </c>
      <c r="H42" s="17"/>
      <c r="I42" s="13">
        <v>995</v>
      </c>
      <c r="J42" s="19">
        <v>476</v>
      </c>
      <c r="K42" s="19">
        <v>519</v>
      </c>
    </row>
    <row r="43" spans="1:11" ht="15" customHeight="1">
      <c r="A43" s="17" t="s">
        <v>83</v>
      </c>
      <c r="B43" s="17"/>
      <c r="C43" s="13">
        <v>1622</v>
      </c>
      <c r="D43" s="19">
        <v>770</v>
      </c>
      <c r="E43" s="19">
        <v>852</v>
      </c>
      <c r="F43" s="19"/>
      <c r="G43" s="18" t="s">
        <v>84</v>
      </c>
      <c r="H43" s="17"/>
      <c r="I43" s="13">
        <v>908</v>
      </c>
      <c r="J43" s="19">
        <v>422</v>
      </c>
      <c r="K43" s="19">
        <v>486</v>
      </c>
    </row>
    <row r="44" spans="1:11" ht="15" customHeight="1">
      <c r="A44" s="17" t="s">
        <v>85</v>
      </c>
      <c r="B44" s="17"/>
      <c r="C44" s="13">
        <v>1552</v>
      </c>
      <c r="D44" s="19">
        <v>812</v>
      </c>
      <c r="E44" s="19">
        <v>740</v>
      </c>
      <c r="F44" s="19"/>
      <c r="G44" s="18" t="s">
        <v>86</v>
      </c>
      <c r="H44" s="17"/>
      <c r="I44" s="13">
        <v>1016</v>
      </c>
      <c r="J44" s="19">
        <v>429</v>
      </c>
      <c r="K44" s="19">
        <v>587</v>
      </c>
    </row>
    <row r="45" spans="1:11" ht="15" customHeight="1">
      <c r="A45" s="17" t="s">
        <v>87</v>
      </c>
      <c r="B45" s="17"/>
      <c r="C45" s="13">
        <v>1639</v>
      </c>
      <c r="D45" s="19">
        <v>793</v>
      </c>
      <c r="E45" s="19">
        <v>846</v>
      </c>
      <c r="F45" s="19"/>
      <c r="G45" s="18" t="s">
        <v>88</v>
      </c>
      <c r="H45" s="17"/>
      <c r="I45" s="13">
        <v>904</v>
      </c>
      <c r="J45" s="19">
        <v>360</v>
      </c>
      <c r="K45" s="19">
        <v>544</v>
      </c>
    </row>
    <row r="46" spans="1:11" ht="15" customHeight="1">
      <c r="A46" s="17" t="s">
        <v>89</v>
      </c>
      <c r="B46" s="17"/>
      <c r="C46" s="13">
        <v>1791</v>
      </c>
      <c r="D46" s="19">
        <v>950</v>
      </c>
      <c r="E46" s="19">
        <v>841</v>
      </c>
      <c r="F46" s="19"/>
      <c r="G46" s="18" t="s">
        <v>90</v>
      </c>
      <c r="H46" s="17"/>
      <c r="I46" s="13">
        <v>966</v>
      </c>
      <c r="J46" s="19">
        <v>411</v>
      </c>
      <c r="K46" s="19">
        <v>555</v>
      </c>
    </row>
    <row r="47" spans="1:11" ht="20.100000000000001" customHeight="1">
      <c r="A47" s="17" t="s">
        <v>91</v>
      </c>
      <c r="B47" s="17"/>
      <c r="C47" s="13">
        <v>9357</v>
      </c>
      <c r="D47" s="14">
        <v>4818</v>
      </c>
      <c r="E47" s="14">
        <v>4539</v>
      </c>
      <c r="F47" s="14"/>
      <c r="G47" s="18" t="s">
        <v>92</v>
      </c>
      <c r="H47" s="17"/>
      <c r="I47" s="13">
        <v>3280</v>
      </c>
      <c r="J47" s="14">
        <v>1181</v>
      </c>
      <c r="K47" s="14">
        <v>2099</v>
      </c>
    </row>
    <row r="48" spans="1:11" ht="15" customHeight="1">
      <c r="A48" s="17" t="s">
        <v>93</v>
      </c>
      <c r="B48" s="17"/>
      <c r="C48" s="13">
        <v>1911</v>
      </c>
      <c r="D48" s="19">
        <v>1101</v>
      </c>
      <c r="E48" s="19">
        <v>810</v>
      </c>
      <c r="F48" s="19"/>
      <c r="G48" s="18" t="s">
        <v>94</v>
      </c>
      <c r="H48" s="17"/>
      <c r="I48" s="13">
        <v>802</v>
      </c>
      <c r="J48" s="19">
        <v>308</v>
      </c>
      <c r="K48" s="19">
        <v>494</v>
      </c>
    </row>
    <row r="49" spans="1:11" ht="15" customHeight="1">
      <c r="A49" s="17" t="s">
        <v>95</v>
      </c>
      <c r="B49" s="17"/>
      <c r="C49" s="13">
        <v>1800</v>
      </c>
      <c r="D49" s="19">
        <v>863</v>
      </c>
      <c r="E49" s="19">
        <v>937</v>
      </c>
      <c r="F49" s="19"/>
      <c r="G49" s="18" t="s">
        <v>96</v>
      </c>
      <c r="H49" s="17"/>
      <c r="I49" s="13">
        <v>736</v>
      </c>
      <c r="J49" s="19">
        <v>278</v>
      </c>
      <c r="K49" s="19">
        <v>458</v>
      </c>
    </row>
    <row r="50" spans="1:11" ht="15" customHeight="1">
      <c r="A50" s="17" t="s">
        <v>97</v>
      </c>
      <c r="B50" s="17"/>
      <c r="C50" s="13">
        <v>1833</v>
      </c>
      <c r="D50" s="19">
        <v>923</v>
      </c>
      <c r="E50" s="19">
        <v>910</v>
      </c>
      <c r="F50" s="19"/>
      <c r="G50" s="18" t="s">
        <v>98</v>
      </c>
      <c r="H50" s="17"/>
      <c r="I50" s="13">
        <v>673</v>
      </c>
      <c r="J50" s="19">
        <v>236</v>
      </c>
      <c r="K50" s="19">
        <v>437</v>
      </c>
    </row>
    <row r="51" spans="1:11" ht="15" customHeight="1">
      <c r="A51" s="17" t="s">
        <v>99</v>
      </c>
      <c r="B51" s="17"/>
      <c r="C51" s="13">
        <v>1852</v>
      </c>
      <c r="D51" s="19">
        <v>937</v>
      </c>
      <c r="E51" s="19">
        <v>915</v>
      </c>
      <c r="F51" s="19"/>
      <c r="G51" s="18" t="s">
        <v>100</v>
      </c>
      <c r="H51" s="17"/>
      <c r="I51" s="13">
        <v>625</v>
      </c>
      <c r="J51" s="19">
        <v>216</v>
      </c>
      <c r="K51" s="19">
        <v>409</v>
      </c>
    </row>
    <row r="52" spans="1:11" ht="15" customHeight="1">
      <c r="A52" s="17" t="s">
        <v>101</v>
      </c>
      <c r="B52" s="17"/>
      <c r="C52" s="13">
        <v>1961</v>
      </c>
      <c r="D52" s="19">
        <v>994</v>
      </c>
      <c r="E52" s="19">
        <v>967</v>
      </c>
      <c r="F52" s="19"/>
      <c r="G52" s="18" t="s">
        <v>102</v>
      </c>
      <c r="H52" s="17"/>
      <c r="I52" s="13">
        <v>444</v>
      </c>
      <c r="J52" s="19">
        <v>143</v>
      </c>
      <c r="K52" s="19">
        <v>301</v>
      </c>
    </row>
    <row r="53" spans="1:11" ht="20.100000000000001" customHeight="1">
      <c r="A53" s="17" t="s">
        <v>103</v>
      </c>
      <c r="B53" s="17"/>
      <c r="C53" s="13">
        <v>11326</v>
      </c>
      <c r="D53" s="14">
        <v>5736</v>
      </c>
      <c r="E53" s="14">
        <v>5590</v>
      </c>
      <c r="F53" s="14"/>
      <c r="G53" s="18" t="s">
        <v>104</v>
      </c>
      <c r="H53" s="17"/>
      <c r="I53" s="13">
        <v>1443</v>
      </c>
      <c r="J53" s="14">
        <v>419</v>
      </c>
      <c r="K53" s="14">
        <v>1024</v>
      </c>
    </row>
    <row r="54" spans="1:11" ht="15" customHeight="1">
      <c r="A54" s="17" t="s">
        <v>105</v>
      </c>
      <c r="B54" s="17"/>
      <c r="C54" s="13">
        <v>2083</v>
      </c>
      <c r="D54" s="19">
        <v>1056</v>
      </c>
      <c r="E54" s="19">
        <v>1027</v>
      </c>
      <c r="F54" s="19"/>
      <c r="G54" s="18" t="s">
        <v>106</v>
      </c>
      <c r="H54" s="17"/>
      <c r="I54" s="13">
        <v>392</v>
      </c>
      <c r="J54" s="19">
        <v>115</v>
      </c>
      <c r="K54" s="19">
        <v>277</v>
      </c>
    </row>
    <row r="55" spans="1:11" ht="15" customHeight="1">
      <c r="A55" s="17" t="s">
        <v>107</v>
      </c>
      <c r="B55" s="17"/>
      <c r="C55" s="13">
        <v>2155</v>
      </c>
      <c r="D55" s="19">
        <v>1047</v>
      </c>
      <c r="E55" s="19">
        <v>1108</v>
      </c>
      <c r="F55" s="19"/>
      <c r="G55" s="18" t="s">
        <v>108</v>
      </c>
      <c r="H55" s="17"/>
      <c r="I55" s="13">
        <v>359</v>
      </c>
      <c r="J55" s="19">
        <v>116</v>
      </c>
      <c r="K55" s="19">
        <v>243</v>
      </c>
    </row>
    <row r="56" spans="1:11" ht="15" customHeight="1">
      <c r="A56" s="17" t="s">
        <v>109</v>
      </c>
      <c r="B56" s="17"/>
      <c r="C56" s="13">
        <v>2292</v>
      </c>
      <c r="D56" s="19">
        <v>1234</v>
      </c>
      <c r="E56" s="19">
        <v>1058</v>
      </c>
      <c r="F56" s="19"/>
      <c r="G56" s="18" t="s">
        <v>110</v>
      </c>
      <c r="H56" s="17"/>
      <c r="I56" s="13">
        <v>285</v>
      </c>
      <c r="J56" s="19">
        <v>89</v>
      </c>
      <c r="K56" s="19">
        <v>196</v>
      </c>
    </row>
    <row r="57" spans="1:11" ht="15" customHeight="1">
      <c r="A57" s="17" t="s">
        <v>111</v>
      </c>
      <c r="B57" s="17"/>
      <c r="C57" s="13">
        <v>2380</v>
      </c>
      <c r="D57" s="19">
        <v>1173</v>
      </c>
      <c r="E57" s="19">
        <v>1207</v>
      </c>
      <c r="F57" s="19"/>
      <c r="G57" s="18" t="s">
        <v>112</v>
      </c>
      <c r="H57" s="17"/>
      <c r="I57" s="13">
        <v>219</v>
      </c>
      <c r="J57" s="19">
        <v>60</v>
      </c>
      <c r="K57" s="19">
        <v>159</v>
      </c>
    </row>
    <row r="58" spans="1:11" ht="15" customHeight="1">
      <c r="A58" s="17" t="s">
        <v>113</v>
      </c>
      <c r="B58" s="17"/>
      <c r="C58" s="13">
        <v>2416</v>
      </c>
      <c r="D58" s="19">
        <v>1226</v>
      </c>
      <c r="E58" s="19">
        <v>1190</v>
      </c>
      <c r="F58" s="19"/>
      <c r="G58" s="18" t="s">
        <v>114</v>
      </c>
      <c r="H58" s="17"/>
      <c r="I58" s="13">
        <v>188</v>
      </c>
      <c r="J58" s="19">
        <v>39</v>
      </c>
      <c r="K58" s="19">
        <v>149</v>
      </c>
    </row>
    <row r="59" spans="1:11" ht="20.100000000000001" customHeight="1">
      <c r="A59" s="17" t="s">
        <v>115</v>
      </c>
      <c r="B59" s="17"/>
      <c r="C59" s="13">
        <v>13869</v>
      </c>
      <c r="D59" s="14">
        <v>7125</v>
      </c>
      <c r="E59" s="14">
        <v>6744</v>
      </c>
      <c r="F59" s="14"/>
      <c r="G59" s="18" t="s">
        <v>116</v>
      </c>
      <c r="H59" s="17"/>
      <c r="I59" s="13">
        <v>333</v>
      </c>
      <c r="J59" s="14">
        <v>69</v>
      </c>
      <c r="K59" s="14">
        <v>264</v>
      </c>
    </row>
    <row r="60" spans="1:11" ht="15" customHeight="1">
      <c r="A60" s="17" t="s">
        <v>117</v>
      </c>
      <c r="B60" s="17"/>
      <c r="C60" s="13">
        <v>2583</v>
      </c>
      <c r="D60" s="19">
        <v>1319</v>
      </c>
      <c r="E60" s="19">
        <v>1264</v>
      </c>
      <c r="F60" s="19"/>
      <c r="G60" s="18" t="s">
        <v>118</v>
      </c>
      <c r="H60" s="17"/>
      <c r="I60" s="13">
        <v>145</v>
      </c>
      <c r="J60" s="19">
        <v>29</v>
      </c>
      <c r="K60" s="19">
        <v>116</v>
      </c>
    </row>
    <row r="61" spans="1:11" ht="15" customHeight="1">
      <c r="A61" s="17" t="s">
        <v>119</v>
      </c>
      <c r="B61" s="17"/>
      <c r="C61" s="13">
        <v>2774</v>
      </c>
      <c r="D61" s="19">
        <v>1441</v>
      </c>
      <c r="E61" s="19">
        <v>1333</v>
      </c>
      <c r="F61" s="19"/>
      <c r="G61" s="18" t="s">
        <v>120</v>
      </c>
      <c r="H61" s="17"/>
      <c r="I61" s="13">
        <v>80</v>
      </c>
      <c r="J61" s="19">
        <v>14</v>
      </c>
      <c r="K61" s="19">
        <v>66</v>
      </c>
    </row>
    <row r="62" spans="1:11" ht="15" customHeight="1">
      <c r="A62" s="17" t="s">
        <v>121</v>
      </c>
      <c r="B62" s="17"/>
      <c r="C62" s="13">
        <v>2870</v>
      </c>
      <c r="D62" s="19">
        <v>1461</v>
      </c>
      <c r="E62" s="19">
        <v>1409</v>
      </c>
      <c r="F62" s="19"/>
      <c r="G62" s="18" t="s">
        <v>122</v>
      </c>
      <c r="H62" s="17"/>
      <c r="I62" s="13">
        <v>59</v>
      </c>
      <c r="J62" s="19">
        <v>14</v>
      </c>
      <c r="K62" s="19">
        <v>45</v>
      </c>
    </row>
    <row r="63" spans="1:11" ht="15" customHeight="1">
      <c r="A63" s="17" t="s">
        <v>123</v>
      </c>
      <c r="B63" s="17"/>
      <c r="C63" s="13">
        <v>2738</v>
      </c>
      <c r="D63" s="19">
        <v>1385</v>
      </c>
      <c r="E63" s="19">
        <v>1353</v>
      </c>
      <c r="F63" s="19"/>
      <c r="G63" s="18" t="s">
        <v>124</v>
      </c>
      <c r="H63" s="17"/>
      <c r="I63" s="13">
        <v>32</v>
      </c>
      <c r="J63" s="19">
        <v>11</v>
      </c>
      <c r="K63" s="19">
        <v>21</v>
      </c>
    </row>
    <row r="64" spans="1:11" ht="15" customHeight="1">
      <c r="A64" s="17" t="s">
        <v>125</v>
      </c>
      <c r="B64" s="17"/>
      <c r="C64" s="13">
        <v>2904</v>
      </c>
      <c r="D64" s="19">
        <v>1519</v>
      </c>
      <c r="E64" s="19">
        <v>1385</v>
      </c>
      <c r="F64" s="19"/>
      <c r="G64" s="18" t="s">
        <v>126</v>
      </c>
      <c r="H64" s="17"/>
      <c r="I64" s="13">
        <v>17</v>
      </c>
      <c r="J64" s="19">
        <v>1</v>
      </c>
      <c r="K64" s="19">
        <v>1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</v>
      </c>
      <c r="J65" s="19">
        <v>6</v>
      </c>
      <c r="K65" s="19">
        <v>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893</v>
      </c>
      <c r="J66" s="29">
        <v>2071</v>
      </c>
      <c r="K66" s="29">
        <v>82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8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082</v>
      </c>
      <c r="D4" s="14">
        <v>8488</v>
      </c>
      <c r="E4" s="14">
        <v>859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6</v>
      </c>
      <c r="D5" s="14">
        <v>291</v>
      </c>
      <c r="E5" s="14">
        <v>265</v>
      </c>
      <c r="F5" s="14"/>
      <c r="G5" s="18" t="s">
        <v>8</v>
      </c>
      <c r="H5" s="17"/>
      <c r="I5" s="13">
        <v>1279</v>
      </c>
      <c r="J5" s="14">
        <v>657</v>
      </c>
      <c r="K5" s="14">
        <v>622</v>
      </c>
    </row>
    <row r="6" spans="1:11" ht="15" customHeight="1">
      <c r="A6" s="17" t="s">
        <v>9</v>
      </c>
      <c r="B6" s="17"/>
      <c r="C6" s="13">
        <v>101</v>
      </c>
      <c r="D6" s="19">
        <v>50</v>
      </c>
      <c r="E6" s="19">
        <v>51</v>
      </c>
      <c r="F6" s="19"/>
      <c r="G6" s="18" t="s">
        <v>10</v>
      </c>
      <c r="H6" s="17"/>
      <c r="I6" s="13">
        <v>286</v>
      </c>
      <c r="J6" s="19">
        <v>148</v>
      </c>
      <c r="K6" s="19">
        <v>138</v>
      </c>
    </row>
    <row r="7" spans="1:11" ht="15" customHeight="1">
      <c r="A7" s="17" t="s">
        <v>11</v>
      </c>
      <c r="B7" s="17"/>
      <c r="C7" s="13">
        <v>122</v>
      </c>
      <c r="D7" s="19">
        <v>58</v>
      </c>
      <c r="E7" s="19">
        <v>64</v>
      </c>
      <c r="F7" s="19"/>
      <c r="G7" s="18" t="s">
        <v>12</v>
      </c>
      <c r="H7" s="17"/>
      <c r="I7" s="13">
        <v>269</v>
      </c>
      <c r="J7" s="19">
        <v>132</v>
      </c>
      <c r="K7" s="19">
        <v>137</v>
      </c>
    </row>
    <row r="8" spans="1:11" ht="15" customHeight="1">
      <c r="A8" s="17" t="s">
        <v>13</v>
      </c>
      <c r="B8" s="17"/>
      <c r="C8" s="13">
        <v>108</v>
      </c>
      <c r="D8" s="19">
        <v>48</v>
      </c>
      <c r="E8" s="19">
        <v>60</v>
      </c>
      <c r="F8" s="19"/>
      <c r="G8" s="18" t="s">
        <v>14</v>
      </c>
      <c r="H8" s="17"/>
      <c r="I8" s="13">
        <v>281</v>
      </c>
      <c r="J8" s="19">
        <v>149</v>
      </c>
      <c r="K8" s="19">
        <v>132</v>
      </c>
    </row>
    <row r="9" spans="1:11" ht="15" customHeight="1">
      <c r="A9" s="17" t="s">
        <v>15</v>
      </c>
      <c r="B9" s="17"/>
      <c r="C9" s="13">
        <v>119</v>
      </c>
      <c r="D9" s="19">
        <v>77</v>
      </c>
      <c r="E9" s="19">
        <v>42</v>
      </c>
      <c r="F9" s="19"/>
      <c r="G9" s="18" t="s">
        <v>16</v>
      </c>
      <c r="H9" s="17"/>
      <c r="I9" s="13">
        <v>189</v>
      </c>
      <c r="J9" s="19">
        <v>90</v>
      </c>
      <c r="K9" s="19">
        <v>99</v>
      </c>
    </row>
    <row r="10" spans="1:11" ht="15" customHeight="1">
      <c r="A10" s="17" t="s">
        <v>17</v>
      </c>
      <c r="B10" s="17"/>
      <c r="C10" s="13">
        <v>106</v>
      </c>
      <c r="D10" s="19">
        <v>58</v>
      </c>
      <c r="E10" s="19">
        <v>48</v>
      </c>
      <c r="F10" s="19"/>
      <c r="G10" s="18" t="s">
        <v>18</v>
      </c>
      <c r="H10" s="17"/>
      <c r="I10" s="13">
        <v>254</v>
      </c>
      <c r="J10" s="19">
        <v>138</v>
      </c>
      <c r="K10" s="19">
        <v>116</v>
      </c>
    </row>
    <row r="11" spans="1:11" ht="20.100000000000001" customHeight="1">
      <c r="A11" s="17" t="s">
        <v>19</v>
      </c>
      <c r="B11" s="17"/>
      <c r="C11" s="13">
        <v>656</v>
      </c>
      <c r="D11" s="14">
        <v>318</v>
      </c>
      <c r="E11" s="14">
        <v>338</v>
      </c>
      <c r="F11" s="14"/>
      <c r="G11" s="18" t="s">
        <v>20</v>
      </c>
      <c r="H11" s="17"/>
      <c r="I11" s="13">
        <v>1034</v>
      </c>
      <c r="J11" s="14">
        <v>512</v>
      </c>
      <c r="K11" s="14">
        <v>522</v>
      </c>
    </row>
    <row r="12" spans="1:11" ht="15" customHeight="1">
      <c r="A12" s="17" t="s">
        <v>21</v>
      </c>
      <c r="B12" s="17"/>
      <c r="C12" s="13">
        <v>116</v>
      </c>
      <c r="D12" s="19">
        <v>62</v>
      </c>
      <c r="E12" s="19">
        <v>54</v>
      </c>
      <c r="F12" s="19"/>
      <c r="G12" s="18" t="s">
        <v>22</v>
      </c>
      <c r="H12" s="17"/>
      <c r="I12" s="13">
        <v>241</v>
      </c>
      <c r="J12" s="19">
        <v>129</v>
      </c>
      <c r="K12" s="19">
        <v>112</v>
      </c>
    </row>
    <row r="13" spans="1:11" ht="15" customHeight="1">
      <c r="A13" s="17" t="s">
        <v>23</v>
      </c>
      <c r="B13" s="17"/>
      <c r="C13" s="13">
        <v>98</v>
      </c>
      <c r="D13" s="19">
        <v>47</v>
      </c>
      <c r="E13" s="19">
        <v>51</v>
      </c>
      <c r="F13" s="19"/>
      <c r="G13" s="18" t="s">
        <v>24</v>
      </c>
      <c r="H13" s="17"/>
      <c r="I13" s="13">
        <v>218</v>
      </c>
      <c r="J13" s="19">
        <v>104</v>
      </c>
      <c r="K13" s="19">
        <v>114</v>
      </c>
    </row>
    <row r="14" spans="1:11" ht="15" customHeight="1">
      <c r="A14" s="17" t="s">
        <v>25</v>
      </c>
      <c r="B14" s="17"/>
      <c r="C14" s="13">
        <v>120</v>
      </c>
      <c r="D14" s="19">
        <v>54</v>
      </c>
      <c r="E14" s="19">
        <v>66</v>
      </c>
      <c r="F14" s="19"/>
      <c r="G14" s="18" t="s">
        <v>26</v>
      </c>
      <c r="H14" s="17"/>
      <c r="I14" s="13">
        <v>185</v>
      </c>
      <c r="J14" s="19">
        <v>95</v>
      </c>
      <c r="K14" s="19">
        <v>90</v>
      </c>
    </row>
    <row r="15" spans="1:11" ht="15" customHeight="1">
      <c r="A15" s="17" t="s">
        <v>27</v>
      </c>
      <c r="B15" s="17"/>
      <c r="C15" s="13">
        <v>172</v>
      </c>
      <c r="D15" s="19">
        <v>82</v>
      </c>
      <c r="E15" s="19">
        <v>90</v>
      </c>
      <c r="F15" s="19"/>
      <c r="G15" s="18" t="s">
        <v>28</v>
      </c>
      <c r="H15" s="17"/>
      <c r="I15" s="13">
        <v>186</v>
      </c>
      <c r="J15" s="19">
        <v>87</v>
      </c>
      <c r="K15" s="19">
        <v>99</v>
      </c>
    </row>
    <row r="16" spans="1:11" ht="15" customHeight="1">
      <c r="A16" s="17" t="s">
        <v>29</v>
      </c>
      <c r="B16" s="17"/>
      <c r="C16" s="13">
        <v>150</v>
      </c>
      <c r="D16" s="19">
        <v>73</v>
      </c>
      <c r="E16" s="19">
        <v>77</v>
      </c>
      <c r="F16" s="19"/>
      <c r="G16" s="18" t="s">
        <v>30</v>
      </c>
      <c r="H16" s="17"/>
      <c r="I16" s="13">
        <v>204</v>
      </c>
      <c r="J16" s="19">
        <v>97</v>
      </c>
      <c r="K16" s="19">
        <v>107</v>
      </c>
    </row>
    <row r="17" spans="1:11" ht="20.100000000000001" customHeight="1">
      <c r="A17" s="20" t="s">
        <v>31</v>
      </c>
      <c r="B17" s="20"/>
      <c r="C17" s="13">
        <v>852</v>
      </c>
      <c r="D17" s="14">
        <v>433</v>
      </c>
      <c r="E17" s="14">
        <v>419</v>
      </c>
      <c r="F17" s="14"/>
      <c r="G17" s="18" t="s">
        <v>32</v>
      </c>
      <c r="H17" s="17"/>
      <c r="I17" s="13">
        <v>863</v>
      </c>
      <c r="J17" s="14">
        <v>461</v>
      </c>
      <c r="K17" s="14">
        <v>402</v>
      </c>
    </row>
    <row r="18" spans="1:11" ht="15" customHeight="1">
      <c r="A18" s="17" t="s">
        <v>33</v>
      </c>
      <c r="B18" s="17"/>
      <c r="C18" s="13">
        <v>160</v>
      </c>
      <c r="D18" s="19">
        <v>75</v>
      </c>
      <c r="E18" s="19">
        <v>85</v>
      </c>
      <c r="F18" s="19"/>
      <c r="G18" s="18" t="s">
        <v>34</v>
      </c>
      <c r="H18" s="17"/>
      <c r="I18" s="13">
        <v>163</v>
      </c>
      <c r="J18" s="19">
        <v>92</v>
      </c>
      <c r="K18" s="19">
        <v>71</v>
      </c>
    </row>
    <row r="19" spans="1:11" ht="15" customHeight="1">
      <c r="A19" s="17" t="s">
        <v>35</v>
      </c>
      <c r="B19" s="17"/>
      <c r="C19" s="13">
        <v>157</v>
      </c>
      <c r="D19" s="19">
        <v>71</v>
      </c>
      <c r="E19" s="19">
        <v>86</v>
      </c>
      <c r="F19" s="19"/>
      <c r="G19" s="18" t="s">
        <v>36</v>
      </c>
      <c r="H19" s="17"/>
      <c r="I19" s="13">
        <v>169</v>
      </c>
      <c r="J19" s="19">
        <v>97</v>
      </c>
      <c r="K19" s="19">
        <v>72</v>
      </c>
    </row>
    <row r="20" spans="1:11" ht="15" customHeight="1">
      <c r="A20" s="17" t="s">
        <v>37</v>
      </c>
      <c r="B20" s="17"/>
      <c r="C20" s="13">
        <v>162</v>
      </c>
      <c r="D20" s="19">
        <v>86</v>
      </c>
      <c r="E20" s="19">
        <v>76</v>
      </c>
      <c r="F20" s="19"/>
      <c r="G20" s="18" t="s">
        <v>38</v>
      </c>
      <c r="H20" s="17"/>
      <c r="I20" s="13">
        <v>172</v>
      </c>
      <c r="J20" s="19">
        <v>88</v>
      </c>
      <c r="K20" s="19">
        <v>84</v>
      </c>
    </row>
    <row r="21" spans="1:11" ht="15" customHeight="1">
      <c r="A21" s="17" t="s">
        <v>39</v>
      </c>
      <c r="B21" s="17"/>
      <c r="C21" s="13">
        <v>205</v>
      </c>
      <c r="D21" s="19">
        <v>102</v>
      </c>
      <c r="E21" s="19">
        <v>103</v>
      </c>
      <c r="F21" s="19"/>
      <c r="G21" s="18" t="s">
        <v>40</v>
      </c>
      <c r="H21" s="17"/>
      <c r="I21" s="13">
        <v>171</v>
      </c>
      <c r="J21" s="19">
        <v>83</v>
      </c>
      <c r="K21" s="19">
        <v>88</v>
      </c>
    </row>
    <row r="22" spans="1:11" ht="15" customHeight="1">
      <c r="A22" s="17" t="s">
        <v>41</v>
      </c>
      <c r="B22" s="17"/>
      <c r="C22" s="13">
        <v>168</v>
      </c>
      <c r="D22" s="19">
        <v>99</v>
      </c>
      <c r="E22" s="19">
        <v>69</v>
      </c>
      <c r="F22" s="19"/>
      <c r="G22" s="18" t="s">
        <v>42</v>
      </c>
      <c r="H22" s="17"/>
      <c r="I22" s="13">
        <v>188</v>
      </c>
      <c r="J22" s="19">
        <v>101</v>
      </c>
      <c r="K22" s="19">
        <v>87</v>
      </c>
    </row>
    <row r="23" spans="1:11" ht="20.100000000000001" customHeight="1">
      <c r="A23" s="17" t="s">
        <v>43</v>
      </c>
      <c r="B23" s="17"/>
      <c r="C23" s="13">
        <v>992</v>
      </c>
      <c r="D23" s="14">
        <v>508</v>
      </c>
      <c r="E23" s="14">
        <v>484</v>
      </c>
      <c r="F23" s="14"/>
      <c r="G23" s="18" t="s">
        <v>44</v>
      </c>
      <c r="H23" s="17"/>
      <c r="I23" s="13">
        <v>1153</v>
      </c>
      <c r="J23" s="14">
        <v>541</v>
      </c>
      <c r="K23" s="14">
        <v>612</v>
      </c>
    </row>
    <row r="24" spans="1:11" ht="15" customHeight="1">
      <c r="A24" s="17" t="s">
        <v>45</v>
      </c>
      <c r="B24" s="17"/>
      <c r="C24" s="13">
        <v>189</v>
      </c>
      <c r="D24" s="19">
        <v>104</v>
      </c>
      <c r="E24" s="19">
        <v>85</v>
      </c>
      <c r="F24" s="19"/>
      <c r="G24" s="18" t="s">
        <v>46</v>
      </c>
      <c r="H24" s="17"/>
      <c r="I24" s="13">
        <v>213</v>
      </c>
      <c r="J24" s="19">
        <v>95</v>
      </c>
      <c r="K24" s="19">
        <v>118</v>
      </c>
    </row>
    <row r="25" spans="1:11" ht="15" customHeight="1">
      <c r="A25" s="17" t="s">
        <v>47</v>
      </c>
      <c r="B25" s="17"/>
      <c r="C25" s="13">
        <v>187</v>
      </c>
      <c r="D25" s="19">
        <v>90</v>
      </c>
      <c r="E25" s="19">
        <v>97</v>
      </c>
      <c r="F25" s="19"/>
      <c r="G25" s="18" t="s">
        <v>48</v>
      </c>
      <c r="H25" s="17"/>
      <c r="I25" s="13">
        <v>217</v>
      </c>
      <c r="J25" s="19">
        <v>97</v>
      </c>
      <c r="K25" s="19">
        <v>120</v>
      </c>
    </row>
    <row r="26" spans="1:11" ht="15" customHeight="1">
      <c r="A26" s="17" t="s">
        <v>49</v>
      </c>
      <c r="B26" s="17"/>
      <c r="C26" s="13">
        <v>205</v>
      </c>
      <c r="D26" s="19">
        <v>105</v>
      </c>
      <c r="E26" s="19">
        <v>100</v>
      </c>
      <c r="F26" s="19"/>
      <c r="G26" s="18" t="s">
        <v>50</v>
      </c>
      <c r="H26" s="17"/>
      <c r="I26" s="13">
        <v>231</v>
      </c>
      <c r="J26" s="19">
        <v>111</v>
      </c>
      <c r="K26" s="19">
        <v>120</v>
      </c>
    </row>
    <row r="27" spans="1:11" ht="15" customHeight="1">
      <c r="A27" s="17" t="s">
        <v>51</v>
      </c>
      <c r="B27" s="17"/>
      <c r="C27" s="13">
        <v>190</v>
      </c>
      <c r="D27" s="19">
        <v>95</v>
      </c>
      <c r="E27" s="19">
        <v>95</v>
      </c>
      <c r="F27" s="19"/>
      <c r="G27" s="18" t="s">
        <v>52</v>
      </c>
      <c r="H27" s="17"/>
      <c r="I27" s="13">
        <v>239</v>
      </c>
      <c r="J27" s="19">
        <v>122</v>
      </c>
      <c r="K27" s="19">
        <v>117</v>
      </c>
    </row>
    <row r="28" spans="1:11" ht="15" customHeight="1">
      <c r="A28" s="17" t="s">
        <v>53</v>
      </c>
      <c r="B28" s="17"/>
      <c r="C28" s="13">
        <v>221</v>
      </c>
      <c r="D28" s="19">
        <v>114</v>
      </c>
      <c r="E28" s="19">
        <v>107</v>
      </c>
      <c r="F28" s="19"/>
      <c r="G28" s="18" t="s">
        <v>54</v>
      </c>
      <c r="H28" s="17"/>
      <c r="I28" s="13">
        <v>253</v>
      </c>
      <c r="J28" s="19">
        <v>116</v>
      </c>
      <c r="K28" s="19">
        <v>137</v>
      </c>
    </row>
    <row r="29" spans="1:11" ht="20.100000000000001" customHeight="1">
      <c r="A29" s="17" t="s">
        <v>55</v>
      </c>
      <c r="B29" s="17"/>
      <c r="C29" s="13">
        <v>927</v>
      </c>
      <c r="D29" s="14">
        <v>503</v>
      </c>
      <c r="E29" s="14">
        <v>424</v>
      </c>
      <c r="F29" s="14"/>
      <c r="G29" s="18" t="s">
        <v>56</v>
      </c>
      <c r="H29" s="17"/>
      <c r="I29" s="13">
        <v>1316</v>
      </c>
      <c r="J29" s="14">
        <v>604</v>
      </c>
      <c r="K29" s="14">
        <v>712</v>
      </c>
    </row>
    <row r="30" spans="1:11" ht="15" customHeight="1">
      <c r="A30" s="17" t="s">
        <v>57</v>
      </c>
      <c r="B30" s="17"/>
      <c r="C30" s="13">
        <v>218</v>
      </c>
      <c r="D30" s="19">
        <v>115</v>
      </c>
      <c r="E30" s="19">
        <v>103</v>
      </c>
      <c r="F30" s="19"/>
      <c r="G30" s="18" t="s">
        <v>58</v>
      </c>
      <c r="H30" s="17"/>
      <c r="I30" s="13">
        <v>317</v>
      </c>
      <c r="J30" s="19">
        <v>147</v>
      </c>
      <c r="K30" s="19">
        <v>170</v>
      </c>
    </row>
    <row r="31" spans="1:11" ht="15" customHeight="1">
      <c r="A31" s="17" t="s">
        <v>59</v>
      </c>
      <c r="B31" s="17"/>
      <c r="C31" s="13">
        <v>190</v>
      </c>
      <c r="D31" s="19">
        <v>93</v>
      </c>
      <c r="E31" s="19">
        <v>97</v>
      </c>
      <c r="F31" s="19"/>
      <c r="G31" s="18" t="s">
        <v>60</v>
      </c>
      <c r="H31" s="17"/>
      <c r="I31" s="13">
        <v>302</v>
      </c>
      <c r="J31" s="19">
        <v>140</v>
      </c>
      <c r="K31" s="19">
        <v>162</v>
      </c>
    </row>
    <row r="32" spans="1:11" ht="15" customHeight="1">
      <c r="A32" s="17" t="s">
        <v>61</v>
      </c>
      <c r="B32" s="17"/>
      <c r="C32" s="13">
        <v>207</v>
      </c>
      <c r="D32" s="19">
        <v>134</v>
      </c>
      <c r="E32" s="19">
        <v>73</v>
      </c>
      <c r="F32" s="19"/>
      <c r="G32" s="18" t="s">
        <v>62</v>
      </c>
      <c r="H32" s="17"/>
      <c r="I32" s="13">
        <v>315</v>
      </c>
      <c r="J32" s="19">
        <v>139</v>
      </c>
      <c r="K32" s="19">
        <v>176</v>
      </c>
    </row>
    <row r="33" spans="1:11" ht="15" customHeight="1">
      <c r="A33" s="17" t="s">
        <v>63</v>
      </c>
      <c r="B33" s="17"/>
      <c r="C33" s="13">
        <v>171</v>
      </c>
      <c r="D33" s="19">
        <v>93</v>
      </c>
      <c r="E33" s="19">
        <v>78</v>
      </c>
      <c r="F33" s="19"/>
      <c r="G33" s="18" t="s">
        <v>64</v>
      </c>
      <c r="H33" s="17"/>
      <c r="I33" s="13">
        <v>196</v>
      </c>
      <c r="J33" s="19">
        <v>92</v>
      </c>
      <c r="K33" s="19">
        <v>104</v>
      </c>
    </row>
    <row r="34" spans="1:11" ht="15" customHeight="1">
      <c r="A34" s="17" t="s">
        <v>65</v>
      </c>
      <c r="B34" s="17"/>
      <c r="C34" s="13">
        <v>141</v>
      </c>
      <c r="D34" s="19">
        <v>68</v>
      </c>
      <c r="E34" s="19">
        <v>73</v>
      </c>
      <c r="F34" s="19"/>
      <c r="G34" s="18" t="s">
        <v>66</v>
      </c>
      <c r="H34" s="17"/>
      <c r="I34" s="13">
        <v>186</v>
      </c>
      <c r="J34" s="19">
        <v>86</v>
      </c>
      <c r="K34" s="19">
        <v>100</v>
      </c>
    </row>
    <row r="35" spans="1:11" ht="20.100000000000001" customHeight="1">
      <c r="A35" s="17" t="s">
        <v>67</v>
      </c>
      <c r="B35" s="17"/>
      <c r="C35" s="13">
        <v>670</v>
      </c>
      <c r="D35" s="14">
        <v>360</v>
      </c>
      <c r="E35" s="14">
        <v>310</v>
      </c>
      <c r="F35" s="14"/>
      <c r="G35" s="18" t="s">
        <v>68</v>
      </c>
      <c r="H35" s="17"/>
      <c r="I35" s="13">
        <v>1092</v>
      </c>
      <c r="J35" s="14">
        <v>507</v>
      </c>
      <c r="K35" s="14">
        <v>585</v>
      </c>
    </row>
    <row r="36" spans="1:11" ht="15" customHeight="1">
      <c r="A36" s="17" t="s">
        <v>69</v>
      </c>
      <c r="B36" s="17"/>
      <c r="C36" s="13">
        <v>146</v>
      </c>
      <c r="D36" s="19">
        <v>70</v>
      </c>
      <c r="E36" s="19">
        <v>76</v>
      </c>
      <c r="F36" s="19"/>
      <c r="G36" s="18" t="s">
        <v>70</v>
      </c>
      <c r="H36" s="17"/>
      <c r="I36" s="13">
        <v>237</v>
      </c>
      <c r="J36" s="19">
        <v>123</v>
      </c>
      <c r="K36" s="19">
        <v>114</v>
      </c>
    </row>
    <row r="37" spans="1:11" ht="15" customHeight="1">
      <c r="A37" s="17" t="s">
        <v>71</v>
      </c>
      <c r="B37" s="17"/>
      <c r="C37" s="13">
        <v>111</v>
      </c>
      <c r="D37" s="19">
        <v>60</v>
      </c>
      <c r="E37" s="19">
        <v>51</v>
      </c>
      <c r="F37" s="19"/>
      <c r="G37" s="18" t="s">
        <v>72</v>
      </c>
      <c r="H37" s="17"/>
      <c r="I37" s="13">
        <v>220</v>
      </c>
      <c r="J37" s="19">
        <v>104</v>
      </c>
      <c r="K37" s="19">
        <v>116</v>
      </c>
    </row>
    <row r="38" spans="1:11" ht="15" customHeight="1">
      <c r="A38" s="17" t="s">
        <v>73</v>
      </c>
      <c r="B38" s="17"/>
      <c r="C38" s="13">
        <v>153</v>
      </c>
      <c r="D38" s="19">
        <v>91</v>
      </c>
      <c r="E38" s="19">
        <v>62</v>
      </c>
      <c r="F38" s="19"/>
      <c r="G38" s="18" t="s">
        <v>74</v>
      </c>
      <c r="H38" s="17"/>
      <c r="I38" s="13">
        <v>224</v>
      </c>
      <c r="J38" s="19">
        <v>97</v>
      </c>
      <c r="K38" s="19">
        <v>127</v>
      </c>
    </row>
    <row r="39" spans="1:11" ht="15" customHeight="1">
      <c r="A39" s="17" t="s">
        <v>75</v>
      </c>
      <c r="B39" s="17"/>
      <c r="C39" s="13">
        <v>125</v>
      </c>
      <c r="D39" s="19">
        <v>66</v>
      </c>
      <c r="E39" s="19">
        <v>59</v>
      </c>
      <c r="F39" s="19"/>
      <c r="G39" s="18" t="s">
        <v>76</v>
      </c>
      <c r="H39" s="17"/>
      <c r="I39" s="13">
        <v>218</v>
      </c>
      <c r="J39" s="19">
        <v>91</v>
      </c>
      <c r="K39" s="19">
        <v>127</v>
      </c>
    </row>
    <row r="40" spans="1:11" ht="15" customHeight="1">
      <c r="A40" s="17" t="s">
        <v>77</v>
      </c>
      <c r="B40" s="17"/>
      <c r="C40" s="13">
        <v>135</v>
      </c>
      <c r="D40" s="19">
        <v>73</v>
      </c>
      <c r="E40" s="19">
        <v>62</v>
      </c>
      <c r="F40" s="19"/>
      <c r="G40" s="18" t="s">
        <v>78</v>
      </c>
      <c r="H40" s="17"/>
      <c r="I40" s="13">
        <v>193</v>
      </c>
      <c r="J40" s="19">
        <v>92</v>
      </c>
      <c r="K40" s="19">
        <v>101</v>
      </c>
    </row>
    <row r="41" spans="1:11" ht="20.100000000000001" customHeight="1">
      <c r="A41" s="17" t="s">
        <v>79</v>
      </c>
      <c r="B41" s="17"/>
      <c r="C41" s="13">
        <v>743</v>
      </c>
      <c r="D41" s="14">
        <v>390</v>
      </c>
      <c r="E41" s="14">
        <v>353</v>
      </c>
      <c r="F41" s="14"/>
      <c r="G41" s="18" t="s">
        <v>80</v>
      </c>
      <c r="H41" s="17"/>
      <c r="I41" s="13">
        <v>652</v>
      </c>
      <c r="J41" s="14">
        <v>269</v>
      </c>
      <c r="K41" s="14">
        <v>383</v>
      </c>
    </row>
    <row r="42" spans="1:11" ht="15" customHeight="1">
      <c r="A42" s="17" t="s">
        <v>81</v>
      </c>
      <c r="B42" s="17"/>
      <c r="C42" s="13">
        <v>152</v>
      </c>
      <c r="D42" s="19">
        <v>87</v>
      </c>
      <c r="E42" s="19">
        <v>65</v>
      </c>
      <c r="F42" s="19"/>
      <c r="G42" s="18" t="s">
        <v>82</v>
      </c>
      <c r="H42" s="17"/>
      <c r="I42" s="13">
        <v>132</v>
      </c>
      <c r="J42" s="19">
        <v>56</v>
      </c>
      <c r="K42" s="19">
        <v>76</v>
      </c>
    </row>
    <row r="43" spans="1:11" ht="15" customHeight="1">
      <c r="A43" s="17" t="s">
        <v>83</v>
      </c>
      <c r="B43" s="17"/>
      <c r="C43" s="13">
        <v>144</v>
      </c>
      <c r="D43" s="19">
        <v>61</v>
      </c>
      <c r="E43" s="19">
        <v>83</v>
      </c>
      <c r="F43" s="19"/>
      <c r="G43" s="18" t="s">
        <v>84</v>
      </c>
      <c r="H43" s="17"/>
      <c r="I43" s="13">
        <v>131</v>
      </c>
      <c r="J43" s="19">
        <v>60</v>
      </c>
      <c r="K43" s="19">
        <v>71</v>
      </c>
    </row>
    <row r="44" spans="1:11" ht="15" customHeight="1">
      <c r="A44" s="17" t="s">
        <v>85</v>
      </c>
      <c r="B44" s="17"/>
      <c r="C44" s="13">
        <v>132</v>
      </c>
      <c r="D44" s="19">
        <v>73</v>
      </c>
      <c r="E44" s="19">
        <v>59</v>
      </c>
      <c r="F44" s="19"/>
      <c r="G44" s="18" t="s">
        <v>86</v>
      </c>
      <c r="H44" s="17"/>
      <c r="I44" s="13">
        <v>150</v>
      </c>
      <c r="J44" s="19">
        <v>61</v>
      </c>
      <c r="K44" s="19">
        <v>89</v>
      </c>
    </row>
    <row r="45" spans="1:11" ht="15" customHeight="1">
      <c r="A45" s="17" t="s">
        <v>87</v>
      </c>
      <c r="B45" s="17"/>
      <c r="C45" s="13">
        <v>159</v>
      </c>
      <c r="D45" s="19">
        <v>84</v>
      </c>
      <c r="E45" s="19">
        <v>75</v>
      </c>
      <c r="F45" s="19"/>
      <c r="G45" s="18" t="s">
        <v>88</v>
      </c>
      <c r="H45" s="17"/>
      <c r="I45" s="13">
        <v>110</v>
      </c>
      <c r="J45" s="19">
        <v>43</v>
      </c>
      <c r="K45" s="19">
        <v>67</v>
      </c>
    </row>
    <row r="46" spans="1:11" ht="15" customHeight="1">
      <c r="A46" s="17" t="s">
        <v>89</v>
      </c>
      <c r="B46" s="17"/>
      <c r="C46" s="13">
        <v>156</v>
      </c>
      <c r="D46" s="19">
        <v>85</v>
      </c>
      <c r="E46" s="19">
        <v>71</v>
      </c>
      <c r="F46" s="19"/>
      <c r="G46" s="18" t="s">
        <v>90</v>
      </c>
      <c r="H46" s="17"/>
      <c r="I46" s="13">
        <v>129</v>
      </c>
      <c r="J46" s="19">
        <v>49</v>
      </c>
      <c r="K46" s="19">
        <v>80</v>
      </c>
    </row>
    <row r="47" spans="1:11" ht="20.100000000000001" customHeight="1">
      <c r="A47" s="17" t="s">
        <v>91</v>
      </c>
      <c r="B47" s="17"/>
      <c r="C47" s="13">
        <v>878</v>
      </c>
      <c r="D47" s="14">
        <v>451</v>
      </c>
      <c r="E47" s="14">
        <v>427</v>
      </c>
      <c r="F47" s="14"/>
      <c r="G47" s="18" t="s">
        <v>92</v>
      </c>
      <c r="H47" s="17"/>
      <c r="I47" s="13">
        <v>388</v>
      </c>
      <c r="J47" s="14">
        <v>167</v>
      </c>
      <c r="K47" s="14">
        <v>221</v>
      </c>
    </row>
    <row r="48" spans="1:11" ht="15" customHeight="1">
      <c r="A48" s="17" t="s">
        <v>93</v>
      </c>
      <c r="B48" s="17"/>
      <c r="C48" s="13">
        <v>130</v>
      </c>
      <c r="D48" s="19">
        <v>72</v>
      </c>
      <c r="E48" s="19">
        <v>58</v>
      </c>
      <c r="F48" s="19"/>
      <c r="G48" s="18" t="s">
        <v>94</v>
      </c>
      <c r="H48" s="17"/>
      <c r="I48" s="13">
        <v>106</v>
      </c>
      <c r="J48" s="19">
        <v>47</v>
      </c>
      <c r="K48" s="19">
        <v>59</v>
      </c>
    </row>
    <row r="49" spans="1:11" ht="15" customHeight="1">
      <c r="A49" s="17" t="s">
        <v>95</v>
      </c>
      <c r="B49" s="17"/>
      <c r="C49" s="13">
        <v>167</v>
      </c>
      <c r="D49" s="19">
        <v>79</v>
      </c>
      <c r="E49" s="19">
        <v>88</v>
      </c>
      <c r="F49" s="19"/>
      <c r="G49" s="18" t="s">
        <v>96</v>
      </c>
      <c r="H49" s="17"/>
      <c r="I49" s="13">
        <v>102</v>
      </c>
      <c r="J49" s="19">
        <v>50</v>
      </c>
      <c r="K49" s="19">
        <v>52</v>
      </c>
    </row>
    <row r="50" spans="1:11" ht="15" customHeight="1">
      <c r="A50" s="17" t="s">
        <v>97</v>
      </c>
      <c r="B50" s="17"/>
      <c r="C50" s="13">
        <v>187</v>
      </c>
      <c r="D50" s="19">
        <v>104</v>
      </c>
      <c r="E50" s="19">
        <v>83</v>
      </c>
      <c r="F50" s="19"/>
      <c r="G50" s="18" t="s">
        <v>98</v>
      </c>
      <c r="H50" s="17"/>
      <c r="I50" s="13">
        <v>75</v>
      </c>
      <c r="J50" s="19">
        <v>30</v>
      </c>
      <c r="K50" s="19">
        <v>45</v>
      </c>
    </row>
    <row r="51" spans="1:11" ht="15" customHeight="1">
      <c r="A51" s="17" t="s">
        <v>99</v>
      </c>
      <c r="B51" s="17"/>
      <c r="C51" s="13">
        <v>184</v>
      </c>
      <c r="D51" s="19">
        <v>93</v>
      </c>
      <c r="E51" s="19">
        <v>91</v>
      </c>
      <c r="F51" s="19"/>
      <c r="G51" s="18" t="s">
        <v>100</v>
      </c>
      <c r="H51" s="17"/>
      <c r="I51" s="13">
        <v>61</v>
      </c>
      <c r="J51" s="19">
        <v>24</v>
      </c>
      <c r="K51" s="19">
        <v>37</v>
      </c>
    </row>
    <row r="52" spans="1:11" ht="15" customHeight="1">
      <c r="A52" s="17" t="s">
        <v>101</v>
      </c>
      <c r="B52" s="17"/>
      <c r="C52" s="13">
        <v>210</v>
      </c>
      <c r="D52" s="19">
        <v>103</v>
      </c>
      <c r="E52" s="19">
        <v>107</v>
      </c>
      <c r="F52" s="19"/>
      <c r="G52" s="18" t="s">
        <v>102</v>
      </c>
      <c r="H52" s="17"/>
      <c r="I52" s="13">
        <v>44</v>
      </c>
      <c r="J52" s="19">
        <v>16</v>
      </c>
      <c r="K52" s="19">
        <v>28</v>
      </c>
    </row>
    <row r="53" spans="1:11" ht="20.100000000000001" customHeight="1">
      <c r="A53" s="17" t="s">
        <v>103</v>
      </c>
      <c r="B53" s="17"/>
      <c r="C53" s="13">
        <v>1241</v>
      </c>
      <c r="D53" s="14">
        <v>647</v>
      </c>
      <c r="E53" s="14">
        <v>594</v>
      </c>
      <c r="F53" s="14"/>
      <c r="G53" s="18" t="s">
        <v>104</v>
      </c>
      <c r="H53" s="17"/>
      <c r="I53" s="13">
        <v>176</v>
      </c>
      <c r="J53" s="14">
        <v>54</v>
      </c>
      <c r="K53" s="14">
        <v>122</v>
      </c>
    </row>
    <row r="54" spans="1:11" ht="15" customHeight="1">
      <c r="A54" s="17" t="s">
        <v>105</v>
      </c>
      <c r="B54" s="17"/>
      <c r="C54" s="13">
        <v>226</v>
      </c>
      <c r="D54" s="19">
        <v>119</v>
      </c>
      <c r="E54" s="19">
        <v>107</v>
      </c>
      <c r="F54" s="19"/>
      <c r="G54" s="18" t="s">
        <v>106</v>
      </c>
      <c r="H54" s="17"/>
      <c r="I54" s="13">
        <v>53</v>
      </c>
      <c r="J54" s="19">
        <v>19</v>
      </c>
      <c r="K54" s="19">
        <v>34</v>
      </c>
    </row>
    <row r="55" spans="1:11" ht="15" customHeight="1">
      <c r="A55" s="17" t="s">
        <v>107</v>
      </c>
      <c r="B55" s="17"/>
      <c r="C55" s="13">
        <v>242</v>
      </c>
      <c r="D55" s="19">
        <v>109</v>
      </c>
      <c r="E55" s="19">
        <v>133</v>
      </c>
      <c r="F55" s="19"/>
      <c r="G55" s="18" t="s">
        <v>108</v>
      </c>
      <c r="H55" s="17"/>
      <c r="I55" s="13">
        <v>50</v>
      </c>
      <c r="J55" s="19">
        <v>12</v>
      </c>
      <c r="K55" s="19">
        <v>38</v>
      </c>
    </row>
    <row r="56" spans="1:11" ht="15" customHeight="1">
      <c r="A56" s="17" t="s">
        <v>109</v>
      </c>
      <c r="B56" s="17"/>
      <c r="C56" s="13">
        <v>215</v>
      </c>
      <c r="D56" s="19">
        <v>111</v>
      </c>
      <c r="E56" s="19">
        <v>104</v>
      </c>
      <c r="F56" s="19"/>
      <c r="G56" s="18" t="s">
        <v>110</v>
      </c>
      <c r="H56" s="17"/>
      <c r="I56" s="13">
        <v>32</v>
      </c>
      <c r="J56" s="19">
        <v>13</v>
      </c>
      <c r="K56" s="19">
        <v>19</v>
      </c>
    </row>
    <row r="57" spans="1:11" ht="15" customHeight="1">
      <c r="A57" s="17" t="s">
        <v>111</v>
      </c>
      <c r="B57" s="17"/>
      <c r="C57" s="13">
        <v>269</v>
      </c>
      <c r="D57" s="19">
        <v>160</v>
      </c>
      <c r="E57" s="19">
        <v>109</v>
      </c>
      <c r="F57" s="19"/>
      <c r="G57" s="18" t="s">
        <v>112</v>
      </c>
      <c r="H57" s="17"/>
      <c r="I57" s="13">
        <v>24</v>
      </c>
      <c r="J57" s="19">
        <v>4</v>
      </c>
      <c r="K57" s="19">
        <v>20</v>
      </c>
    </row>
    <row r="58" spans="1:11" ht="15" customHeight="1">
      <c r="A58" s="17" t="s">
        <v>113</v>
      </c>
      <c r="B58" s="17"/>
      <c r="C58" s="13">
        <v>289</v>
      </c>
      <c r="D58" s="19">
        <v>148</v>
      </c>
      <c r="E58" s="19">
        <v>141</v>
      </c>
      <c r="F58" s="19"/>
      <c r="G58" s="18" t="s">
        <v>114</v>
      </c>
      <c r="H58" s="17"/>
      <c r="I58" s="13">
        <v>17</v>
      </c>
      <c r="J58" s="19">
        <v>6</v>
      </c>
      <c r="K58" s="19">
        <v>11</v>
      </c>
    </row>
    <row r="59" spans="1:11" ht="20.100000000000001" customHeight="1">
      <c r="A59" s="17" t="s">
        <v>115</v>
      </c>
      <c r="B59" s="17"/>
      <c r="C59" s="13">
        <v>1516</v>
      </c>
      <c r="D59" s="14">
        <v>776</v>
      </c>
      <c r="E59" s="14">
        <v>740</v>
      </c>
      <c r="F59" s="14"/>
      <c r="G59" s="18" t="s">
        <v>116</v>
      </c>
      <c r="H59" s="17"/>
      <c r="I59" s="13">
        <v>48</v>
      </c>
      <c r="J59" s="14">
        <v>13</v>
      </c>
      <c r="K59" s="14">
        <v>35</v>
      </c>
    </row>
    <row r="60" spans="1:11" ht="15" customHeight="1">
      <c r="A60" s="17" t="s">
        <v>117</v>
      </c>
      <c r="B60" s="17"/>
      <c r="C60" s="13">
        <v>302</v>
      </c>
      <c r="D60" s="19">
        <v>144</v>
      </c>
      <c r="E60" s="19">
        <v>158</v>
      </c>
      <c r="F60" s="19"/>
      <c r="G60" s="18" t="s">
        <v>118</v>
      </c>
      <c r="H60" s="17"/>
      <c r="I60" s="13">
        <v>20</v>
      </c>
      <c r="J60" s="19">
        <v>5</v>
      </c>
      <c r="K60" s="19">
        <v>15</v>
      </c>
    </row>
    <row r="61" spans="1:11" ht="15" customHeight="1">
      <c r="A61" s="17" t="s">
        <v>119</v>
      </c>
      <c r="B61" s="17"/>
      <c r="C61" s="13">
        <v>327</v>
      </c>
      <c r="D61" s="19">
        <v>157</v>
      </c>
      <c r="E61" s="19">
        <v>170</v>
      </c>
      <c r="F61" s="19"/>
      <c r="G61" s="18" t="s">
        <v>120</v>
      </c>
      <c r="H61" s="17"/>
      <c r="I61" s="13">
        <v>14</v>
      </c>
      <c r="J61" s="19">
        <v>5</v>
      </c>
      <c r="K61" s="19">
        <v>9</v>
      </c>
    </row>
    <row r="62" spans="1:11" ht="15" customHeight="1">
      <c r="A62" s="17" t="s">
        <v>121</v>
      </c>
      <c r="B62" s="17"/>
      <c r="C62" s="13">
        <v>301</v>
      </c>
      <c r="D62" s="19">
        <v>163</v>
      </c>
      <c r="E62" s="19">
        <v>138</v>
      </c>
      <c r="F62" s="19"/>
      <c r="G62" s="18" t="s">
        <v>122</v>
      </c>
      <c r="H62" s="17"/>
      <c r="I62" s="13">
        <v>5</v>
      </c>
      <c r="J62" s="19">
        <v>1</v>
      </c>
      <c r="K62" s="19">
        <v>4</v>
      </c>
    </row>
    <row r="63" spans="1:11" ht="15" customHeight="1">
      <c r="A63" s="17" t="s">
        <v>123</v>
      </c>
      <c r="B63" s="17"/>
      <c r="C63" s="13">
        <v>298</v>
      </c>
      <c r="D63" s="19">
        <v>150</v>
      </c>
      <c r="E63" s="19">
        <v>148</v>
      </c>
      <c r="F63" s="19"/>
      <c r="G63" s="18" t="s">
        <v>124</v>
      </c>
      <c r="H63" s="17"/>
      <c r="I63" s="13">
        <v>8</v>
      </c>
      <c r="J63" s="19">
        <v>2</v>
      </c>
      <c r="K63" s="19">
        <v>6</v>
      </c>
    </row>
    <row r="64" spans="1:11" ht="15" customHeight="1">
      <c r="A64" s="17" t="s">
        <v>125</v>
      </c>
      <c r="B64" s="17"/>
      <c r="C64" s="13">
        <v>288</v>
      </c>
      <c r="D64" s="19">
        <v>162</v>
      </c>
      <c r="E64" s="19">
        <v>126</v>
      </c>
      <c r="F64" s="19"/>
      <c r="G64" s="18" t="s">
        <v>126</v>
      </c>
      <c r="H64" s="17"/>
      <c r="I64" s="13">
        <v>1</v>
      </c>
      <c r="J64" s="19">
        <v>0</v>
      </c>
      <c r="K64" s="19">
        <v>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</v>
      </c>
      <c r="J65" s="19">
        <v>2</v>
      </c>
      <c r="K65" s="19">
        <v>1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4</v>
      </c>
      <c r="J66" s="29">
        <v>24</v>
      </c>
      <c r="K66" s="29">
        <v>1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0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7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802</v>
      </c>
      <c r="D4" s="14">
        <v>5330</v>
      </c>
      <c r="E4" s="14">
        <v>547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64</v>
      </c>
      <c r="D5" s="14">
        <v>205</v>
      </c>
      <c r="E5" s="14">
        <v>159</v>
      </c>
      <c r="F5" s="14"/>
      <c r="G5" s="18" t="s">
        <v>8</v>
      </c>
      <c r="H5" s="17"/>
      <c r="I5" s="13">
        <v>797</v>
      </c>
      <c r="J5" s="14">
        <v>421</v>
      </c>
      <c r="K5" s="14">
        <v>376</v>
      </c>
    </row>
    <row r="6" spans="1:11" ht="15" customHeight="1">
      <c r="A6" s="17" t="s">
        <v>9</v>
      </c>
      <c r="B6" s="17"/>
      <c r="C6" s="13">
        <v>55</v>
      </c>
      <c r="D6" s="19">
        <v>30</v>
      </c>
      <c r="E6" s="19">
        <v>25</v>
      </c>
      <c r="F6" s="19"/>
      <c r="G6" s="18" t="s">
        <v>10</v>
      </c>
      <c r="H6" s="17"/>
      <c r="I6" s="13">
        <v>163</v>
      </c>
      <c r="J6" s="19">
        <v>81</v>
      </c>
      <c r="K6" s="19">
        <v>82</v>
      </c>
    </row>
    <row r="7" spans="1:11" ht="15" customHeight="1">
      <c r="A7" s="17" t="s">
        <v>11</v>
      </c>
      <c r="B7" s="17"/>
      <c r="C7" s="13">
        <v>84</v>
      </c>
      <c r="D7" s="19">
        <v>51</v>
      </c>
      <c r="E7" s="19">
        <v>33</v>
      </c>
      <c r="F7" s="19"/>
      <c r="G7" s="18" t="s">
        <v>12</v>
      </c>
      <c r="H7" s="17"/>
      <c r="I7" s="13">
        <v>160</v>
      </c>
      <c r="J7" s="19">
        <v>82</v>
      </c>
      <c r="K7" s="19">
        <v>78</v>
      </c>
    </row>
    <row r="8" spans="1:11" ht="15" customHeight="1">
      <c r="A8" s="17" t="s">
        <v>13</v>
      </c>
      <c r="B8" s="17"/>
      <c r="C8" s="13">
        <v>70</v>
      </c>
      <c r="D8" s="19">
        <v>39</v>
      </c>
      <c r="E8" s="19">
        <v>31</v>
      </c>
      <c r="F8" s="19"/>
      <c r="G8" s="18" t="s">
        <v>14</v>
      </c>
      <c r="H8" s="17"/>
      <c r="I8" s="13">
        <v>193</v>
      </c>
      <c r="J8" s="19">
        <v>98</v>
      </c>
      <c r="K8" s="19">
        <v>95</v>
      </c>
    </row>
    <row r="9" spans="1:11" ht="15" customHeight="1">
      <c r="A9" s="17" t="s">
        <v>15</v>
      </c>
      <c r="B9" s="17"/>
      <c r="C9" s="13">
        <v>81</v>
      </c>
      <c r="D9" s="19">
        <v>43</v>
      </c>
      <c r="E9" s="19">
        <v>38</v>
      </c>
      <c r="F9" s="19"/>
      <c r="G9" s="18" t="s">
        <v>16</v>
      </c>
      <c r="H9" s="17"/>
      <c r="I9" s="13">
        <v>99</v>
      </c>
      <c r="J9" s="19">
        <v>48</v>
      </c>
      <c r="K9" s="19">
        <v>51</v>
      </c>
    </row>
    <row r="10" spans="1:11" ht="15" customHeight="1">
      <c r="A10" s="17" t="s">
        <v>17</v>
      </c>
      <c r="B10" s="17"/>
      <c r="C10" s="13">
        <v>74</v>
      </c>
      <c r="D10" s="19">
        <v>42</v>
      </c>
      <c r="E10" s="19">
        <v>32</v>
      </c>
      <c r="F10" s="19"/>
      <c r="G10" s="18" t="s">
        <v>18</v>
      </c>
      <c r="H10" s="17"/>
      <c r="I10" s="13">
        <v>182</v>
      </c>
      <c r="J10" s="19">
        <v>112</v>
      </c>
      <c r="K10" s="19">
        <v>70</v>
      </c>
    </row>
    <row r="11" spans="1:11" ht="20.100000000000001" customHeight="1">
      <c r="A11" s="17" t="s">
        <v>19</v>
      </c>
      <c r="B11" s="17"/>
      <c r="C11" s="13">
        <v>336</v>
      </c>
      <c r="D11" s="14">
        <v>176</v>
      </c>
      <c r="E11" s="14">
        <v>160</v>
      </c>
      <c r="F11" s="14"/>
      <c r="G11" s="18" t="s">
        <v>20</v>
      </c>
      <c r="H11" s="17"/>
      <c r="I11" s="13">
        <v>737</v>
      </c>
      <c r="J11" s="14">
        <v>372</v>
      </c>
      <c r="K11" s="14">
        <v>365</v>
      </c>
    </row>
    <row r="12" spans="1:11" ht="15" customHeight="1">
      <c r="A12" s="17" t="s">
        <v>21</v>
      </c>
      <c r="B12" s="17"/>
      <c r="C12" s="13">
        <v>59</v>
      </c>
      <c r="D12" s="19">
        <v>31</v>
      </c>
      <c r="E12" s="19">
        <v>28</v>
      </c>
      <c r="F12" s="19"/>
      <c r="G12" s="18" t="s">
        <v>22</v>
      </c>
      <c r="H12" s="17"/>
      <c r="I12" s="13">
        <v>138</v>
      </c>
      <c r="J12" s="19">
        <v>68</v>
      </c>
      <c r="K12" s="19">
        <v>70</v>
      </c>
    </row>
    <row r="13" spans="1:11" ht="15" customHeight="1">
      <c r="A13" s="17" t="s">
        <v>23</v>
      </c>
      <c r="B13" s="17"/>
      <c r="C13" s="13">
        <v>54</v>
      </c>
      <c r="D13" s="19">
        <v>30</v>
      </c>
      <c r="E13" s="19">
        <v>24</v>
      </c>
      <c r="F13" s="19"/>
      <c r="G13" s="18" t="s">
        <v>24</v>
      </c>
      <c r="H13" s="17"/>
      <c r="I13" s="13">
        <v>142</v>
      </c>
      <c r="J13" s="19">
        <v>79</v>
      </c>
      <c r="K13" s="19">
        <v>63</v>
      </c>
    </row>
    <row r="14" spans="1:11" ht="15" customHeight="1">
      <c r="A14" s="17" t="s">
        <v>25</v>
      </c>
      <c r="B14" s="17"/>
      <c r="C14" s="13">
        <v>80</v>
      </c>
      <c r="D14" s="19">
        <v>40</v>
      </c>
      <c r="E14" s="19">
        <v>40</v>
      </c>
      <c r="F14" s="19"/>
      <c r="G14" s="18" t="s">
        <v>26</v>
      </c>
      <c r="H14" s="17"/>
      <c r="I14" s="13">
        <v>164</v>
      </c>
      <c r="J14" s="19">
        <v>81</v>
      </c>
      <c r="K14" s="19">
        <v>83</v>
      </c>
    </row>
    <row r="15" spans="1:11" ht="15" customHeight="1">
      <c r="A15" s="17" t="s">
        <v>27</v>
      </c>
      <c r="B15" s="17"/>
      <c r="C15" s="13">
        <v>69</v>
      </c>
      <c r="D15" s="19">
        <v>37</v>
      </c>
      <c r="E15" s="19">
        <v>32</v>
      </c>
      <c r="F15" s="19"/>
      <c r="G15" s="18" t="s">
        <v>28</v>
      </c>
      <c r="H15" s="17"/>
      <c r="I15" s="13">
        <v>143</v>
      </c>
      <c r="J15" s="19">
        <v>76</v>
      </c>
      <c r="K15" s="19">
        <v>67</v>
      </c>
    </row>
    <row r="16" spans="1:11" ht="15" customHeight="1">
      <c r="A16" s="17" t="s">
        <v>29</v>
      </c>
      <c r="B16" s="17"/>
      <c r="C16" s="13">
        <v>74</v>
      </c>
      <c r="D16" s="19">
        <v>38</v>
      </c>
      <c r="E16" s="19">
        <v>36</v>
      </c>
      <c r="F16" s="19"/>
      <c r="G16" s="18" t="s">
        <v>30</v>
      </c>
      <c r="H16" s="17"/>
      <c r="I16" s="13">
        <v>150</v>
      </c>
      <c r="J16" s="19">
        <v>68</v>
      </c>
      <c r="K16" s="19">
        <v>82</v>
      </c>
    </row>
    <row r="17" spans="1:11" ht="20.100000000000001" customHeight="1">
      <c r="A17" s="20" t="s">
        <v>31</v>
      </c>
      <c r="B17" s="20"/>
      <c r="C17" s="13">
        <v>364</v>
      </c>
      <c r="D17" s="14">
        <v>183</v>
      </c>
      <c r="E17" s="14">
        <v>181</v>
      </c>
      <c r="F17" s="14"/>
      <c r="G17" s="18" t="s">
        <v>32</v>
      </c>
      <c r="H17" s="17"/>
      <c r="I17" s="13">
        <v>722</v>
      </c>
      <c r="J17" s="14">
        <v>363</v>
      </c>
      <c r="K17" s="14">
        <v>359</v>
      </c>
    </row>
    <row r="18" spans="1:11" ht="15" customHeight="1">
      <c r="A18" s="17" t="s">
        <v>33</v>
      </c>
      <c r="B18" s="17"/>
      <c r="C18" s="13">
        <v>82</v>
      </c>
      <c r="D18" s="19">
        <v>43</v>
      </c>
      <c r="E18" s="19">
        <v>39</v>
      </c>
      <c r="F18" s="19"/>
      <c r="G18" s="18" t="s">
        <v>34</v>
      </c>
      <c r="H18" s="17"/>
      <c r="I18" s="13">
        <v>132</v>
      </c>
      <c r="J18" s="19">
        <v>62</v>
      </c>
      <c r="K18" s="19">
        <v>70</v>
      </c>
    </row>
    <row r="19" spans="1:11" ht="15" customHeight="1">
      <c r="A19" s="17" t="s">
        <v>35</v>
      </c>
      <c r="B19" s="17"/>
      <c r="C19" s="13">
        <v>64</v>
      </c>
      <c r="D19" s="19">
        <v>33</v>
      </c>
      <c r="E19" s="19">
        <v>31</v>
      </c>
      <c r="F19" s="19"/>
      <c r="G19" s="18" t="s">
        <v>36</v>
      </c>
      <c r="H19" s="17"/>
      <c r="I19" s="13">
        <v>143</v>
      </c>
      <c r="J19" s="19">
        <v>74</v>
      </c>
      <c r="K19" s="19">
        <v>69</v>
      </c>
    </row>
    <row r="20" spans="1:11" ht="15" customHeight="1">
      <c r="A20" s="17" t="s">
        <v>37</v>
      </c>
      <c r="B20" s="17"/>
      <c r="C20" s="13">
        <v>65</v>
      </c>
      <c r="D20" s="19">
        <v>35</v>
      </c>
      <c r="E20" s="19">
        <v>30</v>
      </c>
      <c r="F20" s="19"/>
      <c r="G20" s="18" t="s">
        <v>38</v>
      </c>
      <c r="H20" s="17"/>
      <c r="I20" s="13">
        <v>137</v>
      </c>
      <c r="J20" s="19">
        <v>66</v>
      </c>
      <c r="K20" s="19">
        <v>71</v>
      </c>
    </row>
    <row r="21" spans="1:11" ht="15" customHeight="1">
      <c r="A21" s="17" t="s">
        <v>39</v>
      </c>
      <c r="B21" s="17"/>
      <c r="C21" s="13">
        <v>63</v>
      </c>
      <c r="D21" s="19">
        <v>31</v>
      </c>
      <c r="E21" s="19">
        <v>32</v>
      </c>
      <c r="F21" s="19"/>
      <c r="G21" s="18" t="s">
        <v>40</v>
      </c>
      <c r="H21" s="17"/>
      <c r="I21" s="13">
        <v>143</v>
      </c>
      <c r="J21" s="19">
        <v>73</v>
      </c>
      <c r="K21" s="19">
        <v>70</v>
      </c>
    </row>
    <row r="22" spans="1:11" ht="15" customHeight="1">
      <c r="A22" s="17" t="s">
        <v>41</v>
      </c>
      <c r="B22" s="17"/>
      <c r="C22" s="13">
        <v>90</v>
      </c>
      <c r="D22" s="19">
        <v>41</v>
      </c>
      <c r="E22" s="19">
        <v>49</v>
      </c>
      <c r="F22" s="19"/>
      <c r="G22" s="18" t="s">
        <v>42</v>
      </c>
      <c r="H22" s="17"/>
      <c r="I22" s="13">
        <v>167</v>
      </c>
      <c r="J22" s="19">
        <v>88</v>
      </c>
      <c r="K22" s="19">
        <v>79</v>
      </c>
    </row>
    <row r="23" spans="1:11" ht="20.100000000000001" customHeight="1">
      <c r="A23" s="17" t="s">
        <v>43</v>
      </c>
      <c r="B23" s="17"/>
      <c r="C23" s="13">
        <v>460</v>
      </c>
      <c r="D23" s="14">
        <v>241</v>
      </c>
      <c r="E23" s="14">
        <v>219</v>
      </c>
      <c r="F23" s="14"/>
      <c r="G23" s="18" t="s">
        <v>44</v>
      </c>
      <c r="H23" s="17"/>
      <c r="I23" s="13">
        <v>841</v>
      </c>
      <c r="J23" s="14">
        <v>426</v>
      </c>
      <c r="K23" s="14">
        <v>415</v>
      </c>
    </row>
    <row r="24" spans="1:11" ht="15" customHeight="1">
      <c r="A24" s="17" t="s">
        <v>45</v>
      </c>
      <c r="B24" s="17"/>
      <c r="C24" s="13">
        <v>71</v>
      </c>
      <c r="D24" s="19">
        <v>39</v>
      </c>
      <c r="E24" s="19">
        <v>32</v>
      </c>
      <c r="F24" s="19"/>
      <c r="G24" s="18" t="s">
        <v>46</v>
      </c>
      <c r="H24" s="17"/>
      <c r="I24" s="13">
        <v>151</v>
      </c>
      <c r="J24" s="19">
        <v>84</v>
      </c>
      <c r="K24" s="19">
        <v>67</v>
      </c>
    </row>
    <row r="25" spans="1:11" ht="15" customHeight="1">
      <c r="A25" s="17" t="s">
        <v>47</v>
      </c>
      <c r="B25" s="17"/>
      <c r="C25" s="13">
        <v>77</v>
      </c>
      <c r="D25" s="19">
        <v>49</v>
      </c>
      <c r="E25" s="19">
        <v>28</v>
      </c>
      <c r="F25" s="19"/>
      <c r="G25" s="18" t="s">
        <v>48</v>
      </c>
      <c r="H25" s="17"/>
      <c r="I25" s="13">
        <v>146</v>
      </c>
      <c r="J25" s="19">
        <v>69</v>
      </c>
      <c r="K25" s="19">
        <v>77</v>
      </c>
    </row>
    <row r="26" spans="1:11" ht="15" customHeight="1">
      <c r="A26" s="17" t="s">
        <v>49</v>
      </c>
      <c r="B26" s="17"/>
      <c r="C26" s="13">
        <v>91</v>
      </c>
      <c r="D26" s="19">
        <v>39</v>
      </c>
      <c r="E26" s="19">
        <v>52</v>
      </c>
      <c r="F26" s="19"/>
      <c r="G26" s="18" t="s">
        <v>50</v>
      </c>
      <c r="H26" s="17"/>
      <c r="I26" s="13">
        <v>176</v>
      </c>
      <c r="J26" s="19">
        <v>90</v>
      </c>
      <c r="K26" s="19">
        <v>86</v>
      </c>
    </row>
    <row r="27" spans="1:11" ht="15" customHeight="1">
      <c r="A27" s="17" t="s">
        <v>51</v>
      </c>
      <c r="B27" s="17"/>
      <c r="C27" s="13">
        <v>96</v>
      </c>
      <c r="D27" s="19">
        <v>42</v>
      </c>
      <c r="E27" s="19">
        <v>54</v>
      </c>
      <c r="F27" s="19"/>
      <c r="G27" s="18" t="s">
        <v>52</v>
      </c>
      <c r="H27" s="17"/>
      <c r="I27" s="13">
        <v>183</v>
      </c>
      <c r="J27" s="19">
        <v>83</v>
      </c>
      <c r="K27" s="19">
        <v>100</v>
      </c>
    </row>
    <row r="28" spans="1:11" ht="15" customHeight="1">
      <c r="A28" s="17" t="s">
        <v>53</v>
      </c>
      <c r="B28" s="17"/>
      <c r="C28" s="13">
        <v>125</v>
      </c>
      <c r="D28" s="19">
        <v>72</v>
      </c>
      <c r="E28" s="19">
        <v>53</v>
      </c>
      <c r="F28" s="19"/>
      <c r="G28" s="18" t="s">
        <v>54</v>
      </c>
      <c r="H28" s="17"/>
      <c r="I28" s="13">
        <v>185</v>
      </c>
      <c r="J28" s="19">
        <v>100</v>
      </c>
      <c r="K28" s="19">
        <v>85</v>
      </c>
    </row>
    <row r="29" spans="1:11" ht="20.100000000000001" customHeight="1">
      <c r="A29" s="17" t="s">
        <v>55</v>
      </c>
      <c r="B29" s="17"/>
      <c r="C29" s="13">
        <v>503</v>
      </c>
      <c r="D29" s="14">
        <v>273</v>
      </c>
      <c r="E29" s="14">
        <v>230</v>
      </c>
      <c r="F29" s="14"/>
      <c r="G29" s="18" t="s">
        <v>56</v>
      </c>
      <c r="H29" s="17"/>
      <c r="I29" s="13">
        <v>896</v>
      </c>
      <c r="J29" s="14">
        <v>402</v>
      </c>
      <c r="K29" s="14">
        <v>494</v>
      </c>
    </row>
    <row r="30" spans="1:11" ht="15" customHeight="1">
      <c r="A30" s="17" t="s">
        <v>57</v>
      </c>
      <c r="B30" s="17"/>
      <c r="C30" s="13">
        <v>97</v>
      </c>
      <c r="D30" s="19">
        <v>56</v>
      </c>
      <c r="E30" s="19">
        <v>41</v>
      </c>
      <c r="F30" s="19"/>
      <c r="G30" s="18" t="s">
        <v>58</v>
      </c>
      <c r="H30" s="17"/>
      <c r="I30" s="13">
        <v>215</v>
      </c>
      <c r="J30" s="19">
        <v>90</v>
      </c>
      <c r="K30" s="19">
        <v>125</v>
      </c>
    </row>
    <row r="31" spans="1:11" ht="15" customHeight="1">
      <c r="A31" s="17" t="s">
        <v>59</v>
      </c>
      <c r="B31" s="17"/>
      <c r="C31" s="13">
        <v>118</v>
      </c>
      <c r="D31" s="19">
        <v>58</v>
      </c>
      <c r="E31" s="19">
        <v>60</v>
      </c>
      <c r="F31" s="19"/>
      <c r="G31" s="18" t="s">
        <v>60</v>
      </c>
      <c r="H31" s="17"/>
      <c r="I31" s="13">
        <v>193</v>
      </c>
      <c r="J31" s="19">
        <v>89</v>
      </c>
      <c r="K31" s="19">
        <v>104</v>
      </c>
    </row>
    <row r="32" spans="1:11" ht="15" customHeight="1">
      <c r="A32" s="17" t="s">
        <v>61</v>
      </c>
      <c r="B32" s="17"/>
      <c r="C32" s="13">
        <v>110</v>
      </c>
      <c r="D32" s="19">
        <v>55</v>
      </c>
      <c r="E32" s="19">
        <v>55</v>
      </c>
      <c r="F32" s="19"/>
      <c r="G32" s="18" t="s">
        <v>62</v>
      </c>
      <c r="H32" s="17"/>
      <c r="I32" s="13">
        <v>201</v>
      </c>
      <c r="J32" s="19">
        <v>96</v>
      </c>
      <c r="K32" s="19">
        <v>105</v>
      </c>
    </row>
    <row r="33" spans="1:11" ht="15" customHeight="1">
      <c r="A33" s="17" t="s">
        <v>63</v>
      </c>
      <c r="B33" s="17"/>
      <c r="C33" s="13">
        <v>73</v>
      </c>
      <c r="D33" s="19">
        <v>42</v>
      </c>
      <c r="E33" s="19">
        <v>31</v>
      </c>
      <c r="F33" s="19"/>
      <c r="G33" s="18" t="s">
        <v>64</v>
      </c>
      <c r="H33" s="17"/>
      <c r="I33" s="13">
        <v>152</v>
      </c>
      <c r="J33" s="19">
        <v>71</v>
      </c>
      <c r="K33" s="19">
        <v>81</v>
      </c>
    </row>
    <row r="34" spans="1:11" ht="15" customHeight="1">
      <c r="A34" s="17" t="s">
        <v>65</v>
      </c>
      <c r="B34" s="17"/>
      <c r="C34" s="13">
        <v>105</v>
      </c>
      <c r="D34" s="19">
        <v>62</v>
      </c>
      <c r="E34" s="19">
        <v>43</v>
      </c>
      <c r="F34" s="19"/>
      <c r="G34" s="18" t="s">
        <v>66</v>
      </c>
      <c r="H34" s="17"/>
      <c r="I34" s="13">
        <v>135</v>
      </c>
      <c r="J34" s="19">
        <v>56</v>
      </c>
      <c r="K34" s="19">
        <v>79</v>
      </c>
    </row>
    <row r="35" spans="1:11" ht="20.100000000000001" customHeight="1">
      <c r="A35" s="17" t="s">
        <v>67</v>
      </c>
      <c r="B35" s="17"/>
      <c r="C35" s="13">
        <v>432</v>
      </c>
      <c r="D35" s="14">
        <v>233</v>
      </c>
      <c r="E35" s="14">
        <v>199</v>
      </c>
      <c r="F35" s="14"/>
      <c r="G35" s="18" t="s">
        <v>68</v>
      </c>
      <c r="H35" s="17"/>
      <c r="I35" s="13">
        <v>773</v>
      </c>
      <c r="J35" s="14">
        <v>346</v>
      </c>
      <c r="K35" s="14">
        <v>427</v>
      </c>
    </row>
    <row r="36" spans="1:11" ht="15" customHeight="1">
      <c r="A36" s="17" t="s">
        <v>69</v>
      </c>
      <c r="B36" s="17"/>
      <c r="C36" s="13">
        <v>73</v>
      </c>
      <c r="D36" s="19">
        <v>43</v>
      </c>
      <c r="E36" s="19">
        <v>30</v>
      </c>
      <c r="F36" s="19"/>
      <c r="G36" s="18" t="s">
        <v>70</v>
      </c>
      <c r="H36" s="17"/>
      <c r="I36" s="13">
        <v>158</v>
      </c>
      <c r="J36" s="19">
        <v>76</v>
      </c>
      <c r="K36" s="19">
        <v>82</v>
      </c>
    </row>
    <row r="37" spans="1:11" ht="15" customHeight="1">
      <c r="A37" s="17" t="s">
        <v>71</v>
      </c>
      <c r="B37" s="17"/>
      <c r="C37" s="13">
        <v>77</v>
      </c>
      <c r="D37" s="19">
        <v>43</v>
      </c>
      <c r="E37" s="19">
        <v>34</v>
      </c>
      <c r="F37" s="19"/>
      <c r="G37" s="18" t="s">
        <v>72</v>
      </c>
      <c r="H37" s="17"/>
      <c r="I37" s="13">
        <v>156</v>
      </c>
      <c r="J37" s="19">
        <v>66</v>
      </c>
      <c r="K37" s="19">
        <v>90</v>
      </c>
    </row>
    <row r="38" spans="1:11" ht="15" customHeight="1">
      <c r="A38" s="17" t="s">
        <v>73</v>
      </c>
      <c r="B38" s="17"/>
      <c r="C38" s="13">
        <v>94</v>
      </c>
      <c r="D38" s="19">
        <v>48</v>
      </c>
      <c r="E38" s="19">
        <v>46</v>
      </c>
      <c r="F38" s="19"/>
      <c r="G38" s="18" t="s">
        <v>74</v>
      </c>
      <c r="H38" s="17"/>
      <c r="I38" s="13">
        <v>163</v>
      </c>
      <c r="J38" s="19">
        <v>82</v>
      </c>
      <c r="K38" s="19">
        <v>81</v>
      </c>
    </row>
    <row r="39" spans="1:11" ht="15" customHeight="1">
      <c r="A39" s="17" t="s">
        <v>75</v>
      </c>
      <c r="B39" s="17"/>
      <c r="C39" s="13">
        <v>91</v>
      </c>
      <c r="D39" s="19">
        <v>47</v>
      </c>
      <c r="E39" s="19">
        <v>44</v>
      </c>
      <c r="F39" s="19"/>
      <c r="G39" s="18" t="s">
        <v>76</v>
      </c>
      <c r="H39" s="17"/>
      <c r="I39" s="13">
        <v>155</v>
      </c>
      <c r="J39" s="19">
        <v>63</v>
      </c>
      <c r="K39" s="19">
        <v>92</v>
      </c>
    </row>
    <row r="40" spans="1:11" ht="15" customHeight="1">
      <c r="A40" s="17" t="s">
        <v>77</v>
      </c>
      <c r="B40" s="17"/>
      <c r="C40" s="13">
        <v>97</v>
      </c>
      <c r="D40" s="19">
        <v>52</v>
      </c>
      <c r="E40" s="19">
        <v>45</v>
      </c>
      <c r="F40" s="19"/>
      <c r="G40" s="18" t="s">
        <v>78</v>
      </c>
      <c r="H40" s="17"/>
      <c r="I40" s="13">
        <v>141</v>
      </c>
      <c r="J40" s="19">
        <v>59</v>
      </c>
      <c r="K40" s="19">
        <v>82</v>
      </c>
    </row>
    <row r="41" spans="1:11" ht="20.100000000000001" customHeight="1">
      <c r="A41" s="17" t="s">
        <v>79</v>
      </c>
      <c r="B41" s="17"/>
      <c r="C41" s="13">
        <v>516</v>
      </c>
      <c r="D41" s="14">
        <v>275</v>
      </c>
      <c r="E41" s="14">
        <v>241</v>
      </c>
      <c r="F41" s="14"/>
      <c r="G41" s="18" t="s">
        <v>80</v>
      </c>
      <c r="H41" s="17"/>
      <c r="I41" s="13">
        <v>556</v>
      </c>
      <c r="J41" s="14">
        <v>224</v>
      </c>
      <c r="K41" s="14">
        <v>332</v>
      </c>
    </row>
    <row r="42" spans="1:11" ht="15" customHeight="1">
      <c r="A42" s="17" t="s">
        <v>81</v>
      </c>
      <c r="B42" s="17"/>
      <c r="C42" s="13">
        <v>85</v>
      </c>
      <c r="D42" s="19">
        <v>52</v>
      </c>
      <c r="E42" s="19">
        <v>33</v>
      </c>
      <c r="F42" s="19"/>
      <c r="G42" s="18" t="s">
        <v>82</v>
      </c>
      <c r="H42" s="17"/>
      <c r="I42" s="13">
        <v>101</v>
      </c>
      <c r="J42" s="19">
        <v>52</v>
      </c>
      <c r="K42" s="19">
        <v>49</v>
      </c>
    </row>
    <row r="43" spans="1:11" ht="15" customHeight="1">
      <c r="A43" s="17" t="s">
        <v>83</v>
      </c>
      <c r="B43" s="17"/>
      <c r="C43" s="13">
        <v>113</v>
      </c>
      <c r="D43" s="19">
        <v>62</v>
      </c>
      <c r="E43" s="19">
        <v>51</v>
      </c>
      <c r="F43" s="19"/>
      <c r="G43" s="18" t="s">
        <v>84</v>
      </c>
      <c r="H43" s="17"/>
      <c r="I43" s="13">
        <v>122</v>
      </c>
      <c r="J43" s="19">
        <v>50</v>
      </c>
      <c r="K43" s="19">
        <v>72</v>
      </c>
    </row>
    <row r="44" spans="1:11" ht="15" customHeight="1">
      <c r="A44" s="17" t="s">
        <v>85</v>
      </c>
      <c r="B44" s="17"/>
      <c r="C44" s="13">
        <v>114</v>
      </c>
      <c r="D44" s="19">
        <v>64</v>
      </c>
      <c r="E44" s="19">
        <v>50</v>
      </c>
      <c r="F44" s="19"/>
      <c r="G44" s="18" t="s">
        <v>86</v>
      </c>
      <c r="H44" s="17"/>
      <c r="I44" s="13">
        <v>118</v>
      </c>
      <c r="J44" s="19">
        <v>45</v>
      </c>
      <c r="K44" s="19">
        <v>73</v>
      </c>
    </row>
    <row r="45" spans="1:11" ht="15" customHeight="1">
      <c r="A45" s="17" t="s">
        <v>87</v>
      </c>
      <c r="B45" s="17"/>
      <c r="C45" s="13">
        <v>102</v>
      </c>
      <c r="D45" s="19">
        <v>50</v>
      </c>
      <c r="E45" s="19">
        <v>52</v>
      </c>
      <c r="F45" s="19"/>
      <c r="G45" s="18" t="s">
        <v>88</v>
      </c>
      <c r="H45" s="17"/>
      <c r="I45" s="13">
        <v>113</v>
      </c>
      <c r="J45" s="19">
        <v>45</v>
      </c>
      <c r="K45" s="19">
        <v>68</v>
      </c>
    </row>
    <row r="46" spans="1:11" ht="15" customHeight="1">
      <c r="A46" s="17" t="s">
        <v>89</v>
      </c>
      <c r="B46" s="17"/>
      <c r="C46" s="13">
        <v>102</v>
      </c>
      <c r="D46" s="19">
        <v>47</v>
      </c>
      <c r="E46" s="19">
        <v>55</v>
      </c>
      <c r="F46" s="19"/>
      <c r="G46" s="18" t="s">
        <v>90</v>
      </c>
      <c r="H46" s="17"/>
      <c r="I46" s="13">
        <v>102</v>
      </c>
      <c r="J46" s="19">
        <v>32</v>
      </c>
      <c r="K46" s="19">
        <v>70</v>
      </c>
    </row>
    <row r="47" spans="1:11" ht="20.100000000000001" customHeight="1">
      <c r="A47" s="17" t="s">
        <v>91</v>
      </c>
      <c r="B47" s="17"/>
      <c r="C47" s="13">
        <v>537</v>
      </c>
      <c r="D47" s="14">
        <v>267</v>
      </c>
      <c r="E47" s="14">
        <v>270</v>
      </c>
      <c r="F47" s="14"/>
      <c r="G47" s="18" t="s">
        <v>92</v>
      </c>
      <c r="H47" s="17"/>
      <c r="I47" s="13">
        <v>348</v>
      </c>
      <c r="J47" s="14">
        <v>128</v>
      </c>
      <c r="K47" s="14">
        <v>220</v>
      </c>
    </row>
    <row r="48" spans="1:11" ht="15" customHeight="1">
      <c r="A48" s="17" t="s">
        <v>93</v>
      </c>
      <c r="B48" s="17"/>
      <c r="C48" s="13">
        <v>111</v>
      </c>
      <c r="D48" s="19">
        <v>51</v>
      </c>
      <c r="E48" s="19">
        <v>60</v>
      </c>
      <c r="F48" s="19"/>
      <c r="G48" s="18" t="s">
        <v>94</v>
      </c>
      <c r="H48" s="17"/>
      <c r="I48" s="13">
        <v>82</v>
      </c>
      <c r="J48" s="19">
        <v>31</v>
      </c>
      <c r="K48" s="19">
        <v>51</v>
      </c>
    </row>
    <row r="49" spans="1:11" ht="15" customHeight="1">
      <c r="A49" s="17" t="s">
        <v>95</v>
      </c>
      <c r="B49" s="17"/>
      <c r="C49" s="13">
        <v>108</v>
      </c>
      <c r="D49" s="19">
        <v>62</v>
      </c>
      <c r="E49" s="19">
        <v>46</v>
      </c>
      <c r="F49" s="19"/>
      <c r="G49" s="18" t="s">
        <v>96</v>
      </c>
      <c r="H49" s="17"/>
      <c r="I49" s="13">
        <v>85</v>
      </c>
      <c r="J49" s="19">
        <v>31</v>
      </c>
      <c r="K49" s="19">
        <v>54</v>
      </c>
    </row>
    <row r="50" spans="1:11" ht="15" customHeight="1">
      <c r="A50" s="17" t="s">
        <v>97</v>
      </c>
      <c r="B50" s="17"/>
      <c r="C50" s="13">
        <v>111</v>
      </c>
      <c r="D50" s="19">
        <v>51</v>
      </c>
      <c r="E50" s="19">
        <v>60</v>
      </c>
      <c r="F50" s="19"/>
      <c r="G50" s="18" t="s">
        <v>98</v>
      </c>
      <c r="H50" s="17"/>
      <c r="I50" s="13">
        <v>71</v>
      </c>
      <c r="J50" s="19">
        <v>27</v>
      </c>
      <c r="K50" s="19">
        <v>44</v>
      </c>
    </row>
    <row r="51" spans="1:11" ht="15" customHeight="1">
      <c r="A51" s="17" t="s">
        <v>99</v>
      </c>
      <c r="B51" s="17"/>
      <c r="C51" s="13">
        <v>94</v>
      </c>
      <c r="D51" s="19">
        <v>47</v>
      </c>
      <c r="E51" s="19">
        <v>47</v>
      </c>
      <c r="F51" s="19"/>
      <c r="G51" s="18" t="s">
        <v>100</v>
      </c>
      <c r="H51" s="17"/>
      <c r="I51" s="13">
        <v>58</v>
      </c>
      <c r="J51" s="19">
        <v>20</v>
      </c>
      <c r="K51" s="19">
        <v>38</v>
      </c>
    </row>
    <row r="52" spans="1:11" ht="15" customHeight="1">
      <c r="A52" s="17" t="s">
        <v>101</v>
      </c>
      <c r="B52" s="17"/>
      <c r="C52" s="13">
        <v>113</v>
      </c>
      <c r="D52" s="19">
        <v>56</v>
      </c>
      <c r="E52" s="19">
        <v>57</v>
      </c>
      <c r="F52" s="19"/>
      <c r="G52" s="18" t="s">
        <v>102</v>
      </c>
      <c r="H52" s="17"/>
      <c r="I52" s="13">
        <v>52</v>
      </c>
      <c r="J52" s="19">
        <v>19</v>
      </c>
      <c r="K52" s="19">
        <v>33</v>
      </c>
    </row>
    <row r="53" spans="1:11" ht="20.100000000000001" customHeight="1">
      <c r="A53" s="17" t="s">
        <v>103</v>
      </c>
      <c r="B53" s="17"/>
      <c r="C53" s="13">
        <v>622</v>
      </c>
      <c r="D53" s="14">
        <v>317</v>
      </c>
      <c r="E53" s="14">
        <v>305</v>
      </c>
      <c r="F53" s="14"/>
      <c r="G53" s="18" t="s">
        <v>104</v>
      </c>
      <c r="H53" s="17"/>
      <c r="I53" s="13">
        <v>154</v>
      </c>
      <c r="J53" s="14">
        <v>39</v>
      </c>
      <c r="K53" s="14">
        <v>115</v>
      </c>
    </row>
    <row r="54" spans="1:11" ht="15" customHeight="1">
      <c r="A54" s="17" t="s">
        <v>105</v>
      </c>
      <c r="B54" s="17"/>
      <c r="C54" s="13">
        <v>114</v>
      </c>
      <c r="D54" s="19">
        <v>63</v>
      </c>
      <c r="E54" s="19">
        <v>51</v>
      </c>
      <c r="F54" s="19"/>
      <c r="G54" s="18" t="s">
        <v>106</v>
      </c>
      <c r="H54" s="17"/>
      <c r="I54" s="13">
        <v>50</v>
      </c>
      <c r="J54" s="19">
        <v>15</v>
      </c>
      <c r="K54" s="19">
        <v>35</v>
      </c>
    </row>
    <row r="55" spans="1:11" ht="15" customHeight="1">
      <c r="A55" s="17" t="s">
        <v>107</v>
      </c>
      <c r="B55" s="17"/>
      <c r="C55" s="13">
        <v>140</v>
      </c>
      <c r="D55" s="19">
        <v>68</v>
      </c>
      <c r="E55" s="19">
        <v>72</v>
      </c>
      <c r="F55" s="19"/>
      <c r="G55" s="18" t="s">
        <v>108</v>
      </c>
      <c r="H55" s="17"/>
      <c r="I55" s="13">
        <v>27</v>
      </c>
      <c r="J55" s="19">
        <v>6</v>
      </c>
      <c r="K55" s="19">
        <v>21</v>
      </c>
    </row>
    <row r="56" spans="1:11" ht="15" customHeight="1">
      <c r="A56" s="17" t="s">
        <v>109</v>
      </c>
      <c r="B56" s="17"/>
      <c r="C56" s="13">
        <v>143</v>
      </c>
      <c r="D56" s="19">
        <v>73</v>
      </c>
      <c r="E56" s="19">
        <v>70</v>
      </c>
      <c r="F56" s="19"/>
      <c r="G56" s="18" t="s">
        <v>110</v>
      </c>
      <c r="H56" s="17"/>
      <c r="I56" s="13">
        <v>34</v>
      </c>
      <c r="J56" s="19">
        <v>7</v>
      </c>
      <c r="K56" s="19">
        <v>27</v>
      </c>
    </row>
    <row r="57" spans="1:11" ht="15" customHeight="1">
      <c r="A57" s="17" t="s">
        <v>111</v>
      </c>
      <c r="B57" s="17"/>
      <c r="C57" s="13">
        <v>113</v>
      </c>
      <c r="D57" s="19">
        <v>58</v>
      </c>
      <c r="E57" s="19">
        <v>55</v>
      </c>
      <c r="F57" s="19"/>
      <c r="G57" s="18" t="s">
        <v>112</v>
      </c>
      <c r="H57" s="17"/>
      <c r="I57" s="13">
        <v>26</v>
      </c>
      <c r="J57" s="19">
        <v>6</v>
      </c>
      <c r="K57" s="19">
        <v>20</v>
      </c>
    </row>
    <row r="58" spans="1:11" ht="15" customHeight="1">
      <c r="A58" s="17" t="s">
        <v>113</v>
      </c>
      <c r="B58" s="17"/>
      <c r="C58" s="13">
        <v>112</v>
      </c>
      <c r="D58" s="19">
        <v>55</v>
      </c>
      <c r="E58" s="19">
        <v>57</v>
      </c>
      <c r="F58" s="19"/>
      <c r="G58" s="18" t="s">
        <v>114</v>
      </c>
      <c r="H58" s="17"/>
      <c r="I58" s="13">
        <v>17</v>
      </c>
      <c r="J58" s="19">
        <v>5</v>
      </c>
      <c r="K58" s="19">
        <v>12</v>
      </c>
    </row>
    <row r="59" spans="1:11" ht="20.100000000000001" customHeight="1">
      <c r="A59" s="17" t="s">
        <v>115</v>
      </c>
      <c r="B59" s="17"/>
      <c r="C59" s="13">
        <v>813</v>
      </c>
      <c r="D59" s="14">
        <v>436</v>
      </c>
      <c r="E59" s="14">
        <v>377</v>
      </c>
      <c r="F59" s="14"/>
      <c r="G59" s="18" t="s">
        <v>116</v>
      </c>
      <c r="H59" s="17"/>
      <c r="I59" s="13">
        <v>24</v>
      </c>
      <c r="J59" s="14">
        <v>1</v>
      </c>
      <c r="K59" s="14">
        <v>23</v>
      </c>
    </row>
    <row r="60" spans="1:11" ht="15" customHeight="1">
      <c r="A60" s="17" t="s">
        <v>117</v>
      </c>
      <c r="B60" s="17"/>
      <c r="C60" s="13">
        <v>136</v>
      </c>
      <c r="D60" s="19">
        <v>75</v>
      </c>
      <c r="E60" s="19">
        <v>61</v>
      </c>
      <c r="F60" s="19"/>
      <c r="G60" s="18" t="s">
        <v>118</v>
      </c>
      <c r="H60" s="17"/>
      <c r="I60" s="13">
        <v>4</v>
      </c>
      <c r="J60" s="19">
        <v>1</v>
      </c>
      <c r="K60" s="19">
        <v>3</v>
      </c>
    </row>
    <row r="61" spans="1:11" ht="15" customHeight="1">
      <c r="A61" s="17" t="s">
        <v>119</v>
      </c>
      <c r="B61" s="17"/>
      <c r="C61" s="13">
        <v>183</v>
      </c>
      <c r="D61" s="19">
        <v>105</v>
      </c>
      <c r="E61" s="19">
        <v>78</v>
      </c>
      <c r="F61" s="19"/>
      <c r="G61" s="18" t="s">
        <v>120</v>
      </c>
      <c r="H61" s="17"/>
      <c r="I61" s="13">
        <v>0</v>
      </c>
      <c r="J61" s="19">
        <v>0</v>
      </c>
      <c r="K61" s="19">
        <v>0</v>
      </c>
    </row>
    <row r="62" spans="1:11" ht="15" customHeight="1">
      <c r="A62" s="17" t="s">
        <v>121</v>
      </c>
      <c r="B62" s="17"/>
      <c r="C62" s="13">
        <v>152</v>
      </c>
      <c r="D62" s="19">
        <v>76</v>
      </c>
      <c r="E62" s="19">
        <v>76</v>
      </c>
      <c r="F62" s="19"/>
      <c r="G62" s="18" t="s">
        <v>122</v>
      </c>
      <c r="H62" s="17"/>
      <c r="I62" s="13">
        <v>11</v>
      </c>
      <c r="J62" s="19">
        <v>0</v>
      </c>
      <c r="K62" s="19">
        <v>11</v>
      </c>
    </row>
    <row r="63" spans="1:11" ht="15" customHeight="1">
      <c r="A63" s="17" t="s">
        <v>123</v>
      </c>
      <c r="B63" s="17"/>
      <c r="C63" s="13">
        <v>179</v>
      </c>
      <c r="D63" s="19">
        <v>92</v>
      </c>
      <c r="E63" s="19">
        <v>87</v>
      </c>
      <c r="F63" s="19"/>
      <c r="G63" s="18" t="s">
        <v>124</v>
      </c>
      <c r="H63" s="17"/>
      <c r="I63" s="13">
        <v>7</v>
      </c>
      <c r="J63" s="19">
        <v>0</v>
      </c>
      <c r="K63" s="19">
        <v>7</v>
      </c>
    </row>
    <row r="64" spans="1:11" ht="15" customHeight="1">
      <c r="A64" s="17" t="s">
        <v>125</v>
      </c>
      <c r="B64" s="17"/>
      <c r="C64" s="13">
        <v>163</v>
      </c>
      <c r="D64" s="19">
        <v>88</v>
      </c>
      <c r="E64" s="19">
        <v>75</v>
      </c>
      <c r="F64" s="19"/>
      <c r="G64" s="18" t="s">
        <v>126</v>
      </c>
      <c r="H64" s="17"/>
      <c r="I64" s="13">
        <v>2</v>
      </c>
      <c r="J64" s="19">
        <v>0</v>
      </c>
      <c r="K64" s="19">
        <v>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</v>
      </c>
      <c r="J65" s="19">
        <v>0</v>
      </c>
      <c r="K65" s="19">
        <v>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</v>
      </c>
      <c r="J66" s="29">
        <v>2</v>
      </c>
      <c r="K66" s="29">
        <v>2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1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637</v>
      </c>
      <c r="D4" s="14">
        <v>4726</v>
      </c>
      <c r="E4" s="14">
        <v>491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03</v>
      </c>
      <c r="D5" s="14">
        <v>102</v>
      </c>
      <c r="E5" s="14">
        <v>101</v>
      </c>
      <c r="F5" s="14"/>
      <c r="G5" s="18" t="s">
        <v>8</v>
      </c>
      <c r="H5" s="17"/>
      <c r="I5" s="13">
        <v>616</v>
      </c>
      <c r="J5" s="14">
        <v>324</v>
      </c>
      <c r="K5" s="14">
        <v>292</v>
      </c>
    </row>
    <row r="6" spans="1:11" ht="15" customHeight="1">
      <c r="A6" s="17" t="s">
        <v>9</v>
      </c>
      <c r="B6" s="17"/>
      <c r="C6" s="13">
        <v>39</v>
      </c>
      <c r="D6" s="19">
        <v>21</v>
      </c>
      <c r="E6" s="19">
        <v>18</v>
      </c>
      <c r="F6" s="19"/>
      <c r="G6" s="18" t="s">
        <v>10</v>
      </c>
      <c r="H6" s="17"/>
      <c r="I6" s="13">
        <v>115</v>
      </c>
      <c r="J6" s="19">
        <v>59</v>
      </c>
      <c r="K6" s="19">
        <v>56</v>
      </c>
    </row>
    <row r="7" spans="1:11" ht="15" customHeight="1">
      <c r="A7" s="17" t="s">
        <v>11</v>
      </c>
      <c r="B7" s="17"/>
      <c r="C7" s="13">
        <v>31</v>
      </c>
      <c r="D7" s="19">
        <v>13</v>
      </c>
      <c r="E7" s="19">
        <v>18</v>
      </c>
      <c r="F7" s="19"/>
      <c r="G7" s="18" t="s">
        <v>12</v>
      </c>
      <c r="H7" s="17"/>
      <c r="I7" s="13">
        <v>128</v>
      </c>
      <c r="J7" s="19">
        <v>70</v>
      </c>
      <c r="K7" s="19">
        <v>58</v>
      </c>
    </row>
    <row r="8" spans="1:11" ht="15" customHeight="1">
      <c r="A8" s="17" t="s">
        <v>13</v>
      </c>
      <c r="B8" s="17"/>
      <c r="C8" s="13">
        <v>38</v>
      </c>
      <c r="D8" s="19">
        <v>16</v>
      </c>
      <c r="E8" s="19">
        <v>22</v>
      </c>
      <c r="F8" s="19"/>
      <c r="G8" s="18" t="s">
        <v>14</v>
      </c>
      <c r="H8" s="17"/>
      <c r="I8" s="13">
        <v>126</v>
      </c>
      <c r="J8" s="19">
        <v>66</v>
      </c>
      <c r="K8" s="19">
        <v>60</v>
      </c>
    </row>
    <row r="9" spans="1:11" ht="15" customHeight="1">
      <c r="A9" s="17" t="s">
        <v>15</v>
      </c>
      <c r="B9" s="17"/>
      <c r="C9" s="13">
        <v>44</v>
      </c>
      <c r="D9" s="19">
        <v>24</v>
      </c>
      <c r="E9" s="19">
        <v>20</v>
      </c>
      <c r="F9" s="19"/>
      <c r="G9" s="18" t="s">
        <v>16</v>
      </c>
      <c r="H9" s="17"/>
      <c r="I9" s="13">
        <v>103</v>
      </c>
      <c r="J9" s="19">
        <v>47</v>
      </c>
      <c r="K9" s="19">
        <v>56</v>
      </c>
    </row>
    <row r="10" spans="1:11" ht="15" customHeight="1">
      <c r="A10" s="17" t="s">
        <v>17</v>
      </c>
      <c r="B10" s="17"/>
      <c r="C10" s="13">
        <v>51</v>
      </c>
      <c r="D10" s="19">
        <v>28</v>
      </c>
      <c r="E10" s="19">
        <v>23</v>
      </c>
      <c r="F10" s="19"/>
      <c r="G10" s="18" t="s">
        <v>18</v>
      </c>
      <c r="H10" s="17"/>
      <c r="I10" s="13">
        <v>144</v>
      </c>
      <c r="J10" s="19">
        <v>82</v>
      </c>
      <c r="K10" s="19">
        <v>62</v>
      </c>
    </row>
    <row r="11" spans="1:11" ht="20.100000000000001" customHeight="1">
      <c r="A11" s="17" t="s">
        <v>19</v>
      </c>
      <c r="B11" s="17"/>
      <c r="C11" s="13">
        <v>312</v>
      </c>
      <c r="D11" s="14">
        <v>156</v>
      </c>
      <c r="E11" s="14">
        <v>156</v>
      </c>
      <c r="F11" s="14"/>
      <c r="G11" s="18" t="s">
        <v>20</v>
      </c>
      <c r="H11" s="17"/>
      <c r="I11" s="13">
        <v>657</v>
      </c>
      <c r="J11" s="14">
        <v>332</v>
      </c>
      <c r="K11" s="14">
        <v>325</v>
      </c>
    </row>
    <row r="12" spans="1:11" ht="15" customHeight="1">
      <c r="A12" s="17" t="s">
        <v>21</v>
      </c>
      <c r="B12" s="17"/>
      <c r="C12" s="13">
        <v>57</v>
      </c>
      <c r="D12" s="19">
        <v>28</v>
      </c>
      <c r="E12" s="19">
        <v>29</v>
      </c>
      <c r="F12" s="19"/>
      <c r="G12" s="18" t="s">
        <v>22</v>
      </c>
      <c r="H12" s="17"/>
      <c r="I12" s="13">
        <v>128</v>
      </c>
      <c r="J12" s="19">
        <v>64</v>
      </c>
      <c r="K12" s="19">
        <v>64</v>
      </c>
    </row>
    <row r="13" spans="1:11" ht="15" customHeight="1">
      <c r="A13" s="17" t="s">
        <v>23</v>
      </c>
      <c r="B13" s="17"/>
      <c r="C13" s="13">
        <v>69</v>
      </c>
      <c r="D13" s="19">
        <v>34</v>
      </c>
      <c r="E13" s="19">
        <v>35</v>
      </c>
      <c r="F13" s="19"/>
      <c r="G13" s="18" t="s">
        <v>24</v>
      </c>
      <c r="H13" s="17"/>
      <c r="I13" s="13">
        <v>126</v>
      </c>
      <c r="J13" s="19">
        <v>71</v>
      </c>
      <c r="K13" s="19">
        <v>55</v>
      </c>
    </row>
    <row r="14" spans="1:11" ht="15" customHeight="1">
      <c r="A14" s="17" t="s">
        <v>25</v>
      </c>
      <c r="B14" s="17"/>
      <c r="C14" s="13">
        <v>64</v>
      </c>
      <c r="D14" s="19">
        <v>27</v>
      </c>
      <c r="E14" s="19">
        <v>37</v>
      </c>
      <c r="F14" s="19"/>
      <c r="G14" s="18" t="s">
        <v>26</v>
      </c>
      <c r="H14" s="17"/>
      <c r="I14" s="13">
        <v>136</v>
      </c>
      <c r="J14" s="19">
        <v>73</v>
      </c>
      <c r="K14" s="19">
        <v>63</v>
      </c>
    </row>
    <row r="15" spans="1:11" ht="15" customHeight="1">
      <c r="A15" s="17" t="s">
        <v>27</v>
      </c>
      <c r="B15" s="17"/>
      <c r="C15" s="13">
        <v>60</v>
      </c>
      <c r="D15" s="19">
        <v>29</v>
      </c>
      <c r="E15" s="19">
        <v>31</v>
      </c>
      <c r="F15" s="19"/>
      <c r="G15" s="18" t="s">
        <v>28</v>
      </c>
      <c r="H15" s="17"/>
      <c r="I15" s="13">
        <v>120</v>
      </c>
      <c r="J15" s="19">
        <v>50</v>
      </c>
      <c r="K15" s="19">
        <v>70</v>
      </c>
    </row>
    <row r="16" spans="1:11" ht="15" customHeight="1">
      <c r="A16" s="17" t="s">
        <v>29</v>
      </c>
      <c r="B16" s="17"/>
      <c r="C16" s="13">
        <v>62</v>
      </c>
      <c r="D16" s="19">
        <v>38</v>
      </c>
      <c r="E16" s="19">
        <v>24</v>
      </c>
      <c r="F16" s="19"/>
      <c r="G16" s="18" t="s">
        <v>30</v>
      </c>
      <c r="H16" s="17"/>
      <c r="I16" s="13">
        <v>147</v>
      </c>
      <c r="J16" s="19">
        <v>74</v>
      </c>
      <c r="K16" s="19">
        <v>73</v>
      </c>
    </row>
    <row r="17" spans="1:11" ht="20.100000000000001" customHeight="1">
      <c r="A17" s="20" t="s">
        <v>31</v>
      </c>
      <c r="B17" s="20"/>
      <c r="C17" s="13">
        <v>321</v>
      </c>
      <c r="D17" s="14">
        <v>164</v>
      </c>
      <c r="E17" s="14">
        <v>157</v>
      </c>
      <c r="F17" s="14"/>
      <c r="G17" s="18" t="s">
        <v>32</v>
      </c>
      <c r="H17" s="17"/>
      <c r="I17" s="13">
        <v>794</v>
      </c>
      <c r="J17" s="14">
        <v>394</v>
      </c>
      <c r="K17" s="14">
        <v>400</v>
      </c>
    </row>
    <row r="18" spans="1:11" ht="15" customHeight="1">
      <c r="A18" s="17" t="s">
        <v>33</v>
      </c>
      <c r="B18" s="17"/>
      <c r="C18" s="13">
        <v>59</v>
      </c>
      <c r="D18" s="19">
        <v>34</v>
      </c>
      <c r="E18" s="19">
        <v>25</v>
      </c>
      <c r="F18" s="19"/>
      <c r="G18" s="18" t="s">
        <v>34</v>
      </c>
      <c r="H18" s="17"/>
      <c r="I18" s="13">
        <v>139</v>
      </c>
      <c r="J18" s="19">
        <v>76</v>
      </c>
      <c r="K18" s="19">
        <v>63</v>
      </c>
    </row>
    <row r="19" spans="1:11" ht="15" customHeight="1">
      <c r="A19" s="17" t="s">
        <v>35</v>
      </c>
      <c r="B19" s="17"/>
      <c r="C19" s="13">
        <v>62</v>
      </c>
      <c r="D19" s="19">
        <v>29</v>
      </c>
      <c r="E19" s="19">
        <v>33</v>
      </c>
      <c r="F19" s="19"/>
      <c r="G19" s="18" t="s">
        <v>36</v>
      </c>
      <c r="H19" s="17"/>
      <c r="I19" s="13">
        <v>162</v>
      </c>
      <c r="J19" s="19">
        <v>81</v>
      </c>
      <c r="K19" s="19">
        <v>81</v>
      </c>
    </row>
    <row r="20" spans="1:11" ht="15" customHeight="1">
      <c r="A20" s="17" t="s">
        <v>37</v>
      </c>
      <c r="B20" s="17"/>
      <c r="C20" s="13">
        <v>57</v>
      </c>
      <c r="D20" s="19">
        <v>29</v>
      </c>
      <c r="E20" s="19">
        <v>28</v>
      </c>
      <c r="F20" s="19"/>
      <c r="G20" s="18" t="s">
        <v>38</v>
      </c>
      <c r="H20" s="17"/>
      <c r="I20" s="13">
        <v>150</v>
      </c>
      <c r="J20" s="19">
        <v>76</v>
      </c>
      <c r="K20" s="19">
        <v>74</v>
      </c>
    </row>
    <row r="21" spans="1:11" ht="15" customHeight="1">
      <c r="A21" s="17" t="s">
        <v>39</v>
      </c>
      <c r="B21" s="17"/>
      <c r="C21" s="13">
        <v>76</v>
      </c>
      <c r="D21" s="19">
        <v>35</v>
      </c>
      <c r="E21" s="19">
        <v>41</v>
      </c>
      <c r="F21" s="19"/>
      <c r="G21" s="18" t="s">
        <v>40</v>
      </c>
      <c r="H21" s="17"/>
      <c r="I21" s="13">
        <v>177</v>
      </c>
      <c r="J21" s="19">
        <v>87</v>
      </c>
      <c r="K21" s="19">
        <v>90</v>
      </c>
    </row>
    <row r="22" spans="1:11" ht="15" customHeight="1">
      <c r="A22" s="17" t="s">
        <v>41</v>
      </c>
      <c r="B22" s="17"/>
      <c r="C22" s="13">
        <v>67</v>
      </c>
      <c r="D22" s="19">
        <v>37</v>
      </c>
      <c r="E22" s="19">
        <v>30</v>
      </c>
      <c r="F22" s="19"/>
      <c r="G22" s="18" t="s">
        <v>42</v>
      </c>
      <c r="H22" s="17"/>
      <c r="I22" s="13">
        <v>166</v>
      </c>
      <c r="J22" s="19">
        <v>74</v>
      </c>
      <c r="K22" s="19">
        <v>92</v>
      </c>
    </row>
    <row r="23" spans="1:11" ht="20.100000000000001" customHeight="1">
      <c r="A23" s="17" t="s">
        <v>43</v>
      </c>
      <c r="B23" s="17"/>
      <c r="C23" s="13">
        <v>400</v>
      </c>
      <c r="D23" s="14">
        <v>208</v>
      </c>
      <c r="E23" s="14">
        <v>192</v>
      </c>
      <c r="F23" s="14"/>
      <c r="G23" s="18" t="s">
        <v>44</v>
      </c>
      <c r="H23" s="17"/>
      <c r="I23" s="13">
        <v>978</v>
      </c>
      <c r="J23" s="14">
        <v>491</v>
      </c>
      <c r="K23" s="14">
        <v>487</v>
      </c>
    </row>
    <row r="24" spans="1:11" ht="15" customHeight="1">
      <c r="A24" s="17" t="s">
        <v>45</v>
      </c>
      <c r="B24" s="17"/>
      <c r="C24" s="13">
        <v>78</v>
      </c>
      <c r="D24" s="19">
        <v>39</v>
      </c>
      <c r="E24" s="19">
        <v>39</v>
      </c>
      <c r="F24" s="19"/>
      <c r="G24" s="18" t="s">
        <v>46</v>
      </c>
      <c r="H24" s="17"/>
      <c r="I24" s="13">
        <v>177</v>
      </c>
      <c r="J24" s="19">
        <v>82</v>
      </c>
      <c r="K24" s="19">
        <v>95</v>
      </c>
    </row>
    <row r="25" spans="1:11" ht="15" customHeight="1">
      <c r="A25" s="17" t="s">
        <v>47</v>
      </c>
      <c r="B25" s="17"/>
      <c r="C25" s="13">
        <v>82</v>
      </c>
      <c r="D25" s="19">
        <v>40</v>
      </c>
      <c r="E25" s="19">
        <v>42</v>
      </c>
      <c r="F25" s="19"/>
      <c r="G25" s="18" t="s">
        <v>48</v>
      </c>
      <c r="H25" s="17"/>
      <c r="I25" s="13">
        <v>170</v>
      </c>
      <c r="J25" s="19">
        <v>91</v>
      </c>
      <c r="K25" s="19">
        <v>79</v>
      </c>
    </row>
    <row r="26" spans="1:11" ht="15" customHeight="1">
      <c r="A26" s="17" t="s">
        <v>49</v>
      </c>
      <c r="B26" s="17"/>
      <c r="C26" s="13">
        <v>74</v>
      </c>
      <c r="D26" s="19">
        <v>42</v>
      </c>
      <c r="E26" s="19">
        <v>32</v>
      </c>
      <c r="F26" s="19"/>
      <c r="G26" s="18" t="s">
        <v>50</v>
      </c>
      <c r="H26" s="17"/>
      <c r="I26" s="13">
        <v>191</v>
      </c>
      <c r="J26" s="19">
        <v>93</v>
      </c>
      <c r="K26" s="19">
        <v>98</v>
      </c>
    </row>
    <row r="27" spans="1:11" ht="15" customHeight="1">
      <c r="A27" s="17" t="s">
        <v>51</v>
      </c>
      <c r="B27" s="17"/>
      <c r="C27" s="13">
        <v>83</v>
      </c>
      <c r="D27" s="19">
        <v>50</v>
      </c>
      <c r="E27" s="19">
        <v>33</v>
      </c>
      <c r="F27" s="19"/>
      <c r="G27" s="18" t="s">
        <v>52</v>
      </c>
      <c r="H27" s="17"/>
      <c r="I27" s="13">
        <v>195</v>
      </c>
      <c r="J27" s="19">
        <v>102</v>
      </c>
      <c r="K27" s="19">
        <v>93</v>
      </c>
    </row>
    <row r="28" spans="1:11" ht="15" customHeight="1">
      <c r="A28" s="17" t="s">
        <v>53</v>
      </c>
      <c r="B28" s="17"/>
      <c r="C28" s="13">
        <v>83</v>
      </c>
      <c r="D28" s="19">
        <v>37</v>
      </c>
      <c r="E28" s="19">
        <v>46</v>
      </c>
      <c r="F28" s="19"/>
      <c r="G28" s="18" t="s">
        <v>54</v>
      </c>
      <c r="H28" s="17"/>
      <c r="I28" s="13">
        <v>245</v>
      </c>
      <c r="J28" s="19">
        <v>123</v>
      </c>
      <c r="K28" s="19">
        <v>122</v>
      </c>
    </row>
    <row r="29" spans="1:11" ht="20.100000000000001" customHeight="1">
      <c r="A29" s="17" t="s">
        <v>55</v>
      </c>
      <c r="B29" s="17"/>
      <c r="C29" s="13">
        <v>376</v>
      </c>
      <c r="D29" s="14">
        <v>191</v>
      </c>
      <c r="E29" s="14">
        <v>185</v>
      </c>
      <c r="F29" s="14"/>
      <c r="G29" s="18" t="s">
        <v>56</v>
      </c>
      <c r="H29" s="17"/>
      <c r="I29" s="13">
        <v>967</v>
      </c>
      <c r="J29" s="14">
        <v>473</v>
      </c>
      <c r="K29" s="14">
        <v>494</v>
      </c>
    </row>
    <row r="30" spans="1:11" ht="15" customHeight="1">
      <c r="A30" s="17" t="s">
        <v>57</v>
      </c>
      <c r="B30" s="17"/>
      <c r="C30" s="13">
        <v>85</v>
      </c>
      <c r="D30" s="19">
        <v>41</v>
      </c>
      <c r="E30" s="19">
        <v>44</v>
      </c>
      <c r="F30" s="19"/>
      <c r="G30" s="18" t="s">
        <v>58</v>
      </c>
      <c r="H30" s="17"/>
      <c r="I30" s="13">
        <v>238</v>
      </c>
      <c r="J30" s="19">
        <v>113</v>
      </c>
      <c r="K30" s="19">
        <v>125</v>
      </c>
    </row>
    <row r="31" spans="1:11" ht="15" customHeight="1">
      <c r="A31" s="17" t="s">
        <v>59</v>
      </c>
      <c r="B31" s="17"/>
      <c r="C31" s="13">
        <v>78</v>
      </c>
      <c r="D31" s="19">
        <v>47</v>
      </c>
      <c r="E31" s="19">
        <v>31</v>
      </c>
      <c r="F31" s="19"/>
      <c r="G31" s="18" t="s">
        <v>60</v>
      </c>
      <c r="H31" s="17"/>
      <c r="I31" s="13">
        <v>226</v>
      </c>
      <c r="J31" s="19">
        <v>113</v>
      </c>
      <c r="K31" s="19">
        <v>113</v>
      </c>
    </row>
    <row r="32" spans="1:11" ht="15" customHeight="1">
      <c r="A32" s="17" t="s">
        <v>61</v>
      </c>
      <c r="B32" s="17"/>
      <c r="C32" s="13">
        <v>90</v>
      </c>
      <c r="D32" s="19">
        <v>42</v>
      </c>
      <c r="E32" s="19">
        <v>48</v>
      </c>
      <c r="F32" s="19"/>
      <c r="G32" s="18" t="s">
        <v>62</v>
      </c>
      <c r="H32" s="17"/>
      <c r="I32" s="13">
        <v>232</v>
      </c>
      <c r="J32" s="19">
        <v>118</v>
      </c>
      <c r="K32" s="19">
        <v>114</v>
      </c>
    </row>
    <row r="33" spans="1:11" ht="15" customHeight="1">
      <c r="A33" s="17" t="s">
        <v>63</v>
      </c>
      <c r="B33" s="17"/>
      <c r="C33" s="13">
        <v>66</v>
      </c>
      <c r="D33" s="19">
        <v>41</v>
      </c>
      <c r="E33" s="19">
        <v>25</v>
      </c>
      <c r="F33" s="19"/>
      <c r="G33" s="18" t="s">
        <v>64</v>
      </c>
      <c r="H33" s="17"/>
      <c r="I33" s="13">
        <v>139</v>
      </c>
      <c r="J33" s="19">
        <v>60</v>
      </c>
      <c r="K33" s="19">
        <v>79</v>
      </c>
    </row>
    <row r="34" spans="1:11" ht="15" customHeight="1">
      <c r="A34" s="17" t="s">
        <v>65</v>
      </c>
      <c r="B34" s="17"/>
      <c r="C34" s="13">
        <v>57</v>
      </c>
      <c r="D34" s="19">
        <v>20</v>
      </c>
      <c r="E34" s="19">
        <v>37</v>
      </c>
      <c r="F34" s="19"/>
      <c r="G34" s="18" t="s">
        <v>66</v>
      </c>
      <c r="H34" s="17"/>
      <c r="I34" s="13">
        <v>132</v>
      </c>
      <c r="J34" s="19">
        <v>69</v>
      </c>
      <c r="K34" s="19">
        <v>63</v>
      </c>
    </row>
    <row r="35" spans="1:11" ht="20.100000000000001" customHeight="1">
      <c r="A35" s="17" t="s">
        <v>67</v>
      </c>
      <c r="B35" s="17"/>
      <c r="C35" s="13">
        <v>287</v>
      </c>
      <c r="D35" s="14">
        <v>155</v>
      </c>
      <c r="E35" s="14">
        <v>132</v>
      </c>
      <c r="F35" s="14"/>
      <c r="G35" s="18" t="s">
        <v>68</v>
      </c>
      <c r="H35" s="17"/>
      <c r="I35" s="13">
        <v>697</v>
      </c>
      <c r="J35" s="14">
        <v>331</v>
      </c>
      <c r="K35" s="14">
        <v>366</v>
      </c>
    </row>
    <row r="36" spans="1:11" ht="15" customHeight="1">
      <c r="A36" s="17" t="s">
        <v>69</v>
      </c>
      <c r="B36" s="17"/>
      <c r="C36" s="13">
        <v>61</v>
      </c>
      <c r="D36" s="19">
        <v>33</v>
      </c>
      <c r="E36" s="19">
        <v>28</v>
      </c>
      <c r="F36" s="19"/>
      <c r="G36" s="18" t="s">
        <v>70</v>
      </c>
      <c r="H36" s="17"/>
      <c r="I36" s="13">
        <v>140</v>
      </c>
      <c r="J36" s="19">
        <v>74</v>
      </c>
      <c r="K36" s="19">
        <v>66</v>
      </c>
    </row>
    <row r="37" spans="1:11" ht="15" customHeight="1">
      <c r="A37" s="17" t="s">
        <v>71</v>
      </c>
      <c r="B37" s="17"/>
      <c r="C37" s="13">
        <v>63</v>
      </c>
      <c r="D37" s="19">
        <v>37</v>
      </c>
      <c r="E37" s="19">
        <v>26</v>
      </c>
      <c r="F37" s="19"/>
      <c r="G37" s="18" t="s">
        <v>72</v>
      </c>
      <c r="H37" s="17"/>
      <c r="I37" s="13">
        <v>143</v>
      </c>
      <c r="J37" s="19">
        <v>81</v>
      </c>
      <c r="K37" s="19">
        <v>62</v>
      </c>
    </row>
    <row r="38" spans="1:11" ht="15" customHeight="1">
      <c r="A38" s="17" t="s">
        <v>73</v>
      </c>
      <c r="B38" s="17"/>
      <c r="C38" s="13">
        <v>60</v>
      </c>
      <c r="D38" s="19">
        <v>38</v>
      </c>
      <c r="E38" s="19">
        <v>22</v>
      </c>
      <c r="F38" s="19"/>
      <c r="G38" s="18" t="s">
        <v>74</v>
      </c>
      <c r="H38" s="17"/>
      <c r="I38" s="13">
        <v>130</v>
      </c>
      <c r="J38" s="19">
        <v>58</v>
      </c>
      <c r="K38" s="19">
        <v>72</v>
      </c>
    </row>
    <row r="39" spans="1:11" ht="15" customHeight="1">
      <c r="A39" s="17" t="s">
        <v>75</v>
      </c>
      <c r="B39" s="17"/>
      <c r="C39" s="13">
        <v>63</v>
      </c>
      <c r="D39" s="19">
        <v>32</v>
      </c>
      <c r="E39" s="19">
        <v>31</v>
      </c>
      <c r="F39" s="19"/>
      <c r="G39" s="18" t="s">
        <v>76</v>
      </c>
      <c r="H39" s="17"/>
      <c r="I39" s="13">
        <v>142</v>
      </c>
      <c r="J39" s="19">
        <v>62</v>
      </c>
      <c r="K39" s="19">
        <v>80</v>
      </c>
    </row>
    <row r="40" spans="1:11" ht="15" customHeight="1">
      <c r="A40" s="17" t="s">
        <v>77</v>
      </c>
      <c r="B40" s="17"/>
      <c r="C40" s="13">
        <v>40</v>
      </c>
      <c r="D40" s="19">
        <v>15</v>
      </c>
      <c r="E40" s="19">
        <v>25</v>
      </c>
      <c r="F40" s="19"/>
      <c r="G40" s="18" t="s">
        <v>78</v>
      </c>
      <c r="H40" s="17"/>
      <c r="I40" s="13">
        <v>142</v>
      </c>
      <c r="J40" s="19">
        <v>56</v>
      </c>
      <c r="K40" s="19">
        <v>86</v>
      </c>
    </row>
    <row r="41" spans="1:11" ht="20.100000000000001" customHeight="1">
      <c r="A41" s="17" t="s">
        <v>79</v>
      </c>
      <c r="B41" s="17"/>
      <c r="C41" s="13">
        <v>325</v>
      </c>
      <c r="D41" s="14">
        <v>173</v>
      </c>
      <c r="E41" s="14">
        <v>152</v>
      </c>
      <c r="F41" s="14"/>
      <c r="G41" s="18" t="s">
        <v>80</v>
      </c>
      <c r="H41" s="17"/>
      <c r="I41" s="13">
        <v>555</v>
      </c>
      <c r="J41" s="14">
        <v>228</v>
      </c>
      <c r="K41" s="14">
        <v>327</v>
      </c>
    </row>
    <row r="42" spans="1:11" ht="15" customHeight="1">
      <c r="A42" s="17" t="s">
        <v>81</v>
      </c>
      <c r="B42" s="17"/>
      <c r="C42" s="13">
        <v>48</v>
      </c>
      <c r="D42" s="19">
        <v>28</v>
      </c>
      <c r="E42" s="19">
        <v>20</v>
      </c>
      <c r="F42" s="19"/>
      <c r="G42" s="18" t="s">
        <v>82</v>
      </c>
      <c r="H42" s="17"/>
      <c r="I42" s="13">
        <v>109</v>
      </c>
      <c r="J42" s="19">
        <v>45</v>
      </c>
      <c r="K42" s="19">
        <v>64</v>
      </c>
    </row>
    <row r="43" spans="1:11" ht="15" customHeight="1">
      <c r="A43" s="17" t="s">
        <v>83</v>
      </c>
      <c r="B43" s="17"/>
      <c r="C43" s="13">
        <v>75</v>
      </c>
      <c r="D43" s="19">
        <v>37</v>
      </c>
      <c r="E43" s="19">
        <v>38</v>
      </c>
      <c r="F43" s="19"/>
      <c r="G43" s="18" t="s">
        <v>84</v>
      </c>
      <c r="H43" s="17"/>
      <c r="I43" s="13">
        <v>109</v>
      </c>
      <c r="J43" s="19">
        <v>45</v>
      </c>
      <c r="K43" s="19">
        <v>64</v>
      </c>
    </row>
    <row r="44" spans="1:11" ht="15" customHeight="1">
      <c r="A44" s="17" t="s">
        <v>85</v>
      </c>
      <c r="B44" s="17"/>
      <c r="C44" s="13">
        <v>63</v>
      </c>
      <c r="D44" s="19">
        <v>34</v>
      </c>
      <c r="E44" s="19">
        <v>29</v>
      </c>
      <c r="F44" s="19"/>
      <c r="G44" s="18" t="s">
        <v>86</v>
      </c>
      <c r="H44" s="17"/>
      <c r="I44" s="13">
        <v>110</v>
      </c>
      <c r="J44" s="19">
        <v>45</v>
      </c>
      <c r="K44" s="19">
        <v>65</v>
      </c>
    </row>
    <row r="45" spans="1:11" ht="15" customHeight="1">
      <c r="A45" s="17" t="s">
        <v>87</v>
      </c>
      <c r="B45" s="17"/>
      <c r="C45" s="13">
        <v>77</v>
      </c>
      <c r="D45" s="19">
        <v>37</v>
      </c>
      <c r="E45" s="19">
        <v>40</v>
      </c>
      <c r="F45" s="19"/>
      <c r="G45" s="18" t="s">
        <v>88</v>
      </c>
      <c r="H45" s="17"/>
      <c r="I45" s="13">
        <v>112</v>
      </c>
      <c r="J45" s="19">
        <v>50</v>
      </c>
      <c r="K45" s="19">
        <v>62</v>
      </c>
    </row>
    <row r="46" spans="1:11" ht="15" customHeight="1">
      <c r="A46" s="17" t="s">
        <v>89</v>
      </c>
      <c r="B46" s="17"/>
      <c r="C46" s="13">
        <v>62</v>
      </c>
      <c r="D46" s="19">
        <v>37</v>
      </c>
      <c r="E46" s="19">
        <v>25</v>
      </c>
      <c r="F46" s="19"/>
      <c r="G46" s="18" t="s">
        <v>90</v>
      </c>
      <c r="H46" s="17"/>
      <c r="I46" s="13">
        <v>115</v>
      </c>
      <c r="J46" s="19">
        <v>43</v>
      </c>
      <c r="K46" s="19">
        <v>72</v>
      </c>
    </row>
    <row r="47" spans="1:11" ht="20.100000000000001" customHeight="1">
      <c r="A47" s="17" t="s">
        <v>91</v>
      </c>
      <c r="B47" s="17"/>
      <c r="C47" s="13">
        <v>424</v>
      </c>
      <c r="D47" s="14">
        <v>224</v>
      </c>
      <c r="E47" s="14">
        <v>200</v>
      </c>
      <c r="F47" s="14"/>
      <c r="G47" s="18" t="s">
        <v>92</v>
      </c>
      <c r="H47" s="17"/>
      <c r="I47" s="13">
        <v>396</v>
      </c>
      <c r="J47" s="14">
        <v>138</v>
      </c>
      <c r="K47" s="14">
        <v>258</v>
      </c>
    </row>
    <row r="48" spans="1:11" ht="15" customHeight="1">
      <c r="A48" s="17" t="s">
        <v>93</v>
      </c>
      <c r="B48" s="17"/>
      <c r="C48" s="13">
        <v>76</v>
      </c>
      <c r="D48" s="19">
        <v>39</v>
      </c>
      <c r="E48" s="19">
        <v>37</v>
      </c>
      <c r="F48" s="19"/>
      <c r="G48" s="18" t="s">
        <v>94</v>
      </c>
      <c r="H48" s="17"/>
      <c r="I48" s="13">
        <v>85</v>
      </c>
      <c r="J48" s="19">
        <v>36</v>
      </c>
      <c r="K48" s="19">
        <v>49</v>
      </c>
    </row>
    <row r="49" spans="1:11" ht="15" customHeight="1">
      <c r="A49" s="17" t="s">
        <v>95</v>
      </c>
      <c r="B49" s="17"/>
      <c r="C49" s="13">
        <v>85</v>
      </c>
      <c r="D49" s="19">
        <v>50</v>
      </c>
      <c r="E49" s="19">
        <v>35</v>
      </c>
      <c r="F49" s="19"/>
      <c r="G49" s="18" t="s">
        <v>96</v>
      </c>
      <c r="H49" s="17"/>
      <c r="I49" s="13">
        <v>85</v>
      </c>
      <c r="J49" s="19">
        <v>32</v>
      </c>
      <c r="K49" s="19">
        <v>53</v>
      </c>
    </row>
    <row r="50" spans="1:11" ht="15" customHeight="1">
      <c r="A50" s="17" t="s">
        <v>97</v>
      </c>
      <c r="B50" s="17"/>
      <c r="C50" s="13">
        <v>78</v>
      </c>
      <c r="D50" s="19">
        <v>44</v>
      </c>
      <c r="E50" s="19">
        <v>34</v>
      </c>
      <c r="F50" s="19"/>
      <c r="G50" s="18" t="s">
        <v>98</v>
      </c>
      <c r="H50" s="17"/>
      <c r="I50" s="13">
        <v>78</v>
      </c>
      <c r="J50" s="19">
        <v>28</v>
      </c>
      <c r="K50" s="19">
        <v>50</v>
      </c>
    </row>
    <row r="51" spans="1:11" ht="15" customHeight="1">
      <c r="A51" s="17" t="s">
        <v>99</v>
      </c>
      <c r="B51" s="17"/>
      <c r="C51" s="13">
        <v>88</v>
      </c>
      <c r="D51" s="19">
        <v>41</v>
      </c>
      <c r="E51" s="19">
        <v>47</v>
      </c>
      <c r="F51" s="19"/>
      <c r="G51" s="18" t="s">
        <v>100</v>
      </c>
      <c r="H51" s="17"/>
      <c r="I51" s="13">
        <v>86</v>
      </c>
      <c r="J51" s="19">
        <v>22</v>
      </c>
      <c r="K51" s="19">
        <v>64</v>
      </c>
    </row>
    <row r="52" spans="1:11" ht="15" customHeight="1">
      <c r="A52" s="17" t="s">
        <v>101</v>
      </c>
      <c r="B52" s="17"/>
      <c r="C52" s="13">
        <v>97</v>
      </c>
      <c r="D52" s="19">
        <v>50</v>
      </c>
      <c r="E52" s="19">
        <v>47</v>
      </c>
      <c r="F52" s="19"/>
      <c r="G52" s="18" t="s">
        <v>102</v>
      </c>
      <c r="H52" s="17"/>
      <c r="I52" s="13">
        <v>62</v>
      </c>
      <c r="J52" s="19">
        <v>20</v>
      </c>
      <c r="K52" s="19">
        <v>42</v>
      </c>
    </row>
    <row r="53" spans="1:11" ht="20.100000000000001" customHeight="1">
      <c r="A53" s="17" t="s">
        <v>103</v>
      </c>
      <c r="B53" s="17"/>
      <c r="C53" s="13">
        <v>520</v>
      </c>
      <c r="D53" s="14">
        <v>280</v>
      </c>
      <c r="E53" s="14">
        <v>240</v>
      </c>
      <c r="F53" s="14"/>
      <c r="G53" s="18" t="s">
        <v>104</v>
      </c>
      <c r="H53" s="17"/>
      <c r="I53" s="13">
        <v>173</v>
      </c>
      <c r="J53" s="14">
        <v>45</v>
      </c>
      <c r="K53" s="14">
        <v>128</v>
      </c>
    </row>
    <row r="54" spans="1:11" ht="15" customHeight="1">
      <c r="A54" s="17" t="s">
        <v>105</v>
      </c>
      <c r="B54" s="17"/>
      <c r="C54" s="13">
        <v>90</v>
      </c>
      <c r="D54" s="19">
        <v>51</v>
      </c>
      <c r="E54" s="19">
        <v>39</v>
      </c>
      <c r="F54" s="19"/>
      <c r="G54" s="18" t="s">
        <v>106</v>
      </c>
      <c r="H54" s="17"/>
      <c r="I54" s="13">
        <v>40</v>
      </c>
      <c r="J54" s="19">
        <v>14</v>
      </c>
      <c r="K54" s="19">
        <v>26</v>
      </c>
    </row>
    <row r="55" spans="1:11" ht="15" customHeight="1">
      <c r="A55" s="17" t="s">
        <v>107</v>
      </c>
      <c r="B55" s="17"/>
      <c r="C55" s="13">
        <v>103</v>
      </c>
      <c r="D55" s="19">
        <v>59</v>
      </c>
      <c r="E55" s="19">
        <v>44</v>
      </c>
      <c r="F55" s="19"/>
      <c r="G55" s="18" t="s">
        <v>108</v>
      </c>
      <c r="H55" s="17"/>
      <c r="I55" s="13">
        <v>40</v>
      </c>
      <c r="J55" s="19">
        <v>11</v>
      </c>
      <c r="K55" s="19">
        <v>29</v>
      </c>
    </row>
    <row r="56" spans="1:11" ht="15" customHeight="1">
      <c r="A56" s="17" t="s">
        <v>109</v>
      </c>
      <c r="B56" s="17"/>
      <c r="C56" s="13">
        <v>120</v>
      </c>
      <c r="D56" s="19">
        <v>65</v>
      </c>
      <c r="E56" s="19">
        <v>55</v>
      </c>
      <c r="F56" s="19"/>
      <c r="G56" s="18" t="s">
        <v>110</v>
      </c>
      <c r="H56" s="17"/>
      <c r="I56" s="13">
        <v>38</v>
      </c>
      <c r="J56" s="19">
        <v>11</v>
      </c>
      <c r="K56" s="19">
        <v>27</v>
      </c>
    </row>
    <row r="57" spans="1:11" ht="15" customHeight="1">
      <c r="A57" s="17" t="s">
        <v>111</v>
      </c>
      <c r="B57" s="17"/>
      <c r="C57" s="13">
        <v>107</v>
      </c>
      <c r="D57" s="19">
        <v>58</v>
      </c>
      <c r="E57" s="19">
        <v>49</v>
      </c>
      <c r="F57" s="19"/>
      <c r="G57" s="18" t="s">
        <v>112</v>
      </c>
      <c r="H57" s="17"/>
      <c r="I57" s="13">
        <v>38</v>
      </c>
      <c r="J57" s="19">
        <v>7</v>
      </c>
      <c r="K57" s="19">
        <v>31</v>
      </c>
    </row>
    <row r="58" spans="1:11" ht="15" customHeight="1">
      <c r="A58" s="17" t="s">
        <v>113</v>
      </c>
      <c r="B58" s="17"/>
      <c r="C58" s="13">
        <v>100</v>
      </c>
      <c r="D58" s="19">
        <v>47</v>
      </c>
      <c r="E58" s="19">
        <v>53</v>
      </c>
      <c r="F58" s="19"/>
      <c r="G58" s="18" t="s">
        <v>114</v>
      </c>
      <c r="H58" s="17"/>
      <c r="I58" s="13">
        <v>17</v>
      </c>
      <c r="J58" s="19">
        <v>2</v>
      </c>
      <c r="K58" s="19">
        <v>15</v>
      </c>
    </row>
    <row r="59" spans="1:11" ht="20.100000000000001" customHeight="1">
      <c r="A59" s="17" t="s">
        <v>115</v>
      </c>
      <c r="B59" s="17"/>
      <c r="C59" s="13">
        <v>582</v>
      </c>
      <c r="D59" s="14">
        <v>296</v>
      </c>
      <c r="E59" s="14">
        <v>286</v>
      </c>
      <c r="F59" s="14"/>
      <c r="G59" s="18" t="s">
        <v>116</v>
      </c>
      <c r="H59" s="17"/>
      <c r="I59" s="13">
        <v>54</v>
      </c>
      <c r="J59" s="14">
        <v>21</v>
      </c>
      <c r="K59" s="14">
        <v>33</v>
      </c>
    </row>
    <row r="60" spans="1:11" ht="15" customHeight="1">
      <c r="A60" s="17" t="s">
        <v>117</v>
      </c>
      <c r="B60" s="17"/>
      <c r="C60" s="13">
        <v>115</v>
      </c>
      <c r="D60" s="19">
        <v>66</v>
      </c>
      <c r="E60" s="19">
        <v>49</v>
      </c>
      <c r="F60" s="19"/>
      <c r="G60" s="18" t="s">
        <v>118</v>
      </c>
      <c r="H60" s="17"/>
      <c r="I60" s="13">
        <v>20</v>
      </c>
      <c r="J60" s="19">
        <v>3</v>
      </c>
      <c r="K60" s="19">
        <v>17</v>
      </c>
    </row>
    <row r="61" spans="1:11" ht="15" customHeight="1">
      <c r="A61" s="17" t="s">
        <v>119</v>
      </c>
      <c r="B61" s="17"/>
      <c r="C61" s="13">
        <v>130</v>
      </c>
      <c r="D61" s="19">
        <v>63</v>
      </c>
      <c r="E61" s="19">
        <v>67</v>
      </c>
      <c r="F61" s="19"/>
      <c r="G61" s="18" t="s">
        <v>120</v>
      </c>
      <c r="H61" s="17"/>
      <c r="I61" s="13">
        <v>17</v>
      </c>
      <c r="J61" s="19">
        <v>8</v>
      </c>
      <c r="K61" s="19">
        <v>9</v>
      </c>
    </row>
    <row r="62" spans="1:11" ht="15" customHeight="1">
      <c r="A62" s="17" t="s">
        <v>121</v>
      </c>
      <c r="B62" s="17"/>
      <c r="C62" s="13">
        <v>103</v>
      </c>
      <c r="D62" s="19">
        <v>47</v>
      </c>
      <c r="E62" s="19">
        <v>56</v>
      </c>
      <c r="F62" s="19"/>
      <c r="G62" s="18" t="s">
        <v>122</v>
      </c>
      <c r="H62" s="17"/>
      <c r="I62" s="13">
        <v>7</v>
      </c>
      <c r="J62" s="19">
        <v>2</v>
      </c>
      <c r="K62" s="19">
        <v>5</v>
      </c>
    </row>
    <row r="63" spans="1:11" ht="15" customHeight="1">
      <c r="A63" s="17" t="s">
        <v>123</v>
      </c>
      <c r="B63" s="17"/>
      <c r="C63" s="13">
        <v>97</v>
      </c>
      <c r="D63" s="19">
        <v>51</v>
      </c>
      <c r="E63" s="19">
        <v>46</v>
      </c>
      <c r="F63" s="19"/>
      <c r="G63" s="18" t="s">
        <v>124</v>
      </c>
      <c r="H63" s="17"/>
      <c r="I63" s="13">
        <v>4</v>
      </c>
      <c r="J63" s="19">
        <v>4</v>
      </c>
      <c r="K63" s="19">
        <v>0</v>
      </c>
    </row>
    <row r="64" spans="1:11" ht="15" customHeight="1">
      <c r="A64" s="17" t="s">
        <v>125</v>
      </c>
      <c r="B64" s="17"/>
      <c r="C64" s="13">
        <v>137</v>
      </c>
      <c r="D64" s="19">
        <v>69</v>
      </c>
      <c r="E64" s="19">
        <v>68</v>
      </c>
      <c r="F64" s="19"/>
      <c r="G64" s="18" t="s">
        <v>126</v>
      </c>
      <c r="H64" s="17"/>
      <c r="I64" s="13">
        <v>6</v>
      </c>
      <c r="J64" s="19">
        <v>4</v>
      </c>
      <c r="K64" s="19">
        <v>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0</v>
      </c>
      <c r="J66" s="29">
        <v>0</v>
      </c>
      <c r="K66" s="29">
        <v>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2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2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083</v>
      </c>
      <c r="D4" s="14">
        <v>8777</v>
      </c>
      <c r="E4" s="14">
        <v>930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33</v>
      </c>
      <c r="D5" s="14">
        <v>416</v>
      </c>
      <c r="E5" s="14">
        <v>417</v>
      </c>
      <c r="F5" s="14"/>
      <c r="G5" s="18" t="s">
        <v>8</v>
      </c>
      <c r="H5" s="17"/>
      <c r="I5" s="13">
        <v>1317</v>
      </c>
      <c r="J5" s="14">
        <v>675</v>
      </c>
      <c r="K5" s="14">
        <v>642</v>
      </c>
    </row>
    <row r="6" spans="1:11" ht="15" customHeight="1">
      <c r="A6" s="17" t="s">
        <v>9</v>
      </c>
      <c r="B6" s="17"/>
      <c r="C6" s="13">
        <v>135</v>
      </c>
      <c r="D6" s="19">
        <v>62</v>
      </c>
      <c r="E6" s="19">
        <v>73</v>
      </c>
      <c r="F6" s="19"/>
      <c r="G6" s="18" t="s">
        <v>10</v>
      </c>
      <c r="H6" s="17"/>
      <c r="I6" s="13">
        <v>312</v>
      </c>
      <c r="J6" s="19">
        <v>159</v>
      </c>
      <c r="K6" s="19">
        <v>153</v>
      </c>
    </row>
    <row r="7" spans="1:11" ht="15" customHeight="1">
      <c r="A7" s="17" t="s">
        <v>11</v>
      </c>
      <c r="B7" s="17"/>
      <c r="C7" s="13">
        <v>153</v>
      </c>
      <c r="D7" s="19">
        <v>71</v>
      </c>
      <c r="E7" s="19">
        <v>82</v>
      </c>
      <c r="F7" s="19"/>
      <c r="G7" s="18" t="s">
        <v>12</v>
      </c>
      <c r="H7" s="17"/>
      <c r="I7" s="13">
        <v>275</v>
      </c>
      <c r="J7" s="19">
        <v>153</v>
      </c>
      <c r="K7" s="19">
        <v>122</v>
      </c>
    </row>
    <row r="8" spans="1:11" ht="15" customHeight="1">
      <c r="A8" s="17" t="s">
        <v>13</v>
      </c>
      <c r="B8" s="17"/>
      <c r="C8" s="13">
        <v>197</v>
      </c>
      <c r="D8" s="19">
        <v>111</v>
      </c>
      <c r="E8" s="19">
        <v>86</v>
      </c>
      <c r="F8" s="19"/>
      <c r="G8" s="18" t="s">
        <v>14</v>
      </c>
      <c r="H8" s="17"/>
      <c r="I8" s="13">
        <v>295</v>
      </c>
      <c r="J8" s="19">
        <v>148</v>
      </c>
      <c r="K8" s="19">
        <v>147</v>
      </c>
    </row>
    <row r="9" spans="1:11" ht="15" customHeight="1">
      <c r="A9" s="17" t="s">
        <v>15</v>
      </c>
      <c r="B9" s="17"/>
      <c r="C9" s="13">
        <v>162</v>
      </c>
      <c r="D9" s="19">
        <v>79</v>
      </c>
      <c r="E9" s="19">
        <v>83</v>
      </c>
      <c r="F9" s="19"/>
      <c r="G9" s="18" t="s">
        <v>16</v>
      </c>
      <c r="H9" s="17"/>
      <c r="I9" s="13">
        <v>189</v>
      </c>
      <c r="J9" s="19">
        <v>98</v>
      </c>
      <c r="K9" s="19">
        <v>91</v>
      </c>
    </row>
    <row r="10" spans="1:11" ht="15" customHeight="1">
      <c r="A10" s="17" t="s">
        <v>17</v>
      </c>
      <c r="B10" s="17"/>
      <c r="C10" s="13">
        <v>186</v>
      </c>
      <c r="D10" s="19">
        <v>93</v>
      </c>
      <c r="E10" s="19">
        <v>93</v>
      </c>
      <c r="F10" s="19"/>
      <c r="G10" s="18" t="s">
        <v>18</v>
      </c>
      <c r="H10" s="17"/>
      <c r="I10" s="13">
        <v>246</v>
      </c>
      <c r="J10" s="19">
        <v>117</v>
      </c>
      <c r="K10" s="19">
        <v>129</v>
      </c>
    </row>
    <row r="11" spans="1:11" ht="20.100000000000001" customHeight="1">
      <c r="A11" s="17" t="s">
        <v>19</v>
      </c>
      <c r="B11" s="17"/>
      <c r="C11" s="13">
        <v>937</v>
      </c>
      <c r="D11" s="14">
        <v>489</v>
      </c>
      <c r="E11" s="14">
        <v>448</v>
      </c>
      <c r="F11" s="14"/>
      <c r="G11" s="18" t="s">
        <v>20</v>
      </c>
      <c r="H11" s="17"/>
      <c r="I11" s="13">
        <v>986</v>
      </c>
      <c r="J11" s="14">
        <v>505</v>
      </c>
      <c r="K11" s="14">
        <v>481</v>
      </c>
    </row>
    <row r="12" spans="1:11" ht="15" customHeight="1">
      <c r="A12" s="17" t="s">
        <v>21</v>
      </c>
      <c r="B12" s="17"/>
      <c r="C12" s="13">
        <v>181</v>
      </c>
      <c r="D12" s="19">
        <v>91</v>
      </c>
      <c r="E12" s="19">
        <v>90</v>
      </c>
      <c r="F12" s="19"/>
      <c r="G12" s="18" t="s">
        <v>22</v>
      </c>
      <c r="H12" s="17"/>
      <c r="I12" s="13">
        <v>232</v>
      </c>
      <c r="J12" s="19">
        <v>114</v>
      </c>
      <c r="K12" s="19">
        <v>118</v>
      </c>
    </row>
    <row r="13" spans="1:11" ht="15" customHeight="1">
      <c r="A13" s="17" t="s">
        <v>23</v>
      </c>
      <c r="B13" s="17"/>
      <c r="C13" s="13">
        <v>202</v>
      </c>
      <c r="D13" s="19">
        <v>109</v>
      </c>
      <c r="E13" s="19">
        <v>93</v>
      </c>
      <c r="F13" s="19"/>
      <c r="G13" s="18" t="s">
        <v>24</v>
      </c>
      <c r="H13" s="17"/>
      <c r="I13" s="13">
        <v>214</v>
      </c>
      <c r="J13" s="19">
        <v>109</v>
      </c>
      <c r="K13" s="19">
        <v>105</v>
      </c>
    </row>
    <row r="14" spans="1:11" ht="15" customHeight="1">
      <c r="A14" s="17" t="s">
        <v>25</v>
      </c>
      <c r="B14" s="17"/>
      <c r="C14" s="13">
        <v>173</v>
      </c>
      <c r="D14" s="19">
        <v>98</v>
      </c>
      <c r="E14" s="19">
        <v>75</v>
      </c>
      <c r="F14" s="19"/>
      <c r="G14" s="18" t="s">
        <v>26</v>
      </c>
      <c r="H14" s="17"/>
      <c r="I14" s="13">
        <v>199</v>
      </c>
      <c r="J14" s="19">
        <v>104</v>
      </c>
      <c r="K14" s="19">
        <v>95</v>
      </c>
    </row>
    <row r="15" spans="1:11" ht="15" customHeight="1">
      <c r="A15" s="17" t="s">
        <v>27</v>
      </c>
      <c r="B15" s="17"/>
      <c r="C15" s="13">
        <v>195</v>
      </c>
      <c r="D15" s="19">
        <v>91</v>
      </c>
      <c r="E15" s="19">
        <v>104</v>
      </c>
      <c r="F15" s="19"/>
      <c r="G15" s="18" t="s">
        <v>28</v>
      </c>
      <c r="H15" s="17"/>
      <c r="I15" s="13">
        <v>190</v>
      </c>
      <c r="J15" s="19">
        <v>100</v>
      </c>
      <c r="K15" s="19">
        <v>90</v>
      </c>
    </row>
    <row r="16" spans="1:11" ht="15" customHeight="1">
      <c r="A16" s="17" t="s">
        <v>29</v>
      </c>
      <c r="B16" s="17"/>
      <c r="C16" s="13">
        <v>186</v>
      </c>
      <c r="D16" s="19">
        <v>100</v>
      </c>
      <c r="E16" s="19">
        <v>86</v>
      </c>
      <c r="F16" s="19"/>
      <c r="G16" s="18" t="s">
        <v>30</v>
      </c>
      <c r="H16" s="17"/>
      <c r="I16" s="13">
        <v>151</v>
      </c>
      <c r="J16" s="19">
        <v>78</v>
      </c>
      <c r="K16" s="19">
        <v>73</v>
      </c>
    </row>
    <row r="17" spans="1:11" ht="20.100000000000001" customHeight="1">
      <c r="A17" s="20" t="s">
        <v>31</v>
      </c>
      <c r="B17" s="20"/>
      <c r="C17" s="13">
        <v>926</v>
      </c>
      <c r="D17" s="14">
        <v>466</v>
      </c>
      <c r="E17" s="14">
        <v>460</v>
      </c>
      <c r="F17" s="14"/>
      <c r="G17" s="18" t="s">
        <v>32</v>
      </c>
      <c r="H17" s="17"/>
      <c r="I17" s="13">
        <v>910</v>
      </c>
      <c r="J17" s="14">
        <v>447</v>
      </c>
      <c r="K17" s="14">
        <v>463</v>
      </c>
    </row>
    <row r="18" spans="1:11" ht="15" customHeight="1">
      <c r="A18" s="17" t="s">
        <v>33</v>
      </c>
      <c r="B18" s="17"/>
      <c r="C18" s="13">
        <v>177</v>
      </c>
      <c r="D18" s="19">
        <v>85</v>
      </c>
      <c r="E18" s="19">
        <v>92</v>
      </c>
      <c r="F18" s="19"/>
      <c r="G18" s="18" t="s">
        <v>34</v>
      </c>
      <c r="H18" s="17"/>
      <c r="I18" s="13">
        <v>164</v>
      </c>
      <c r="J18" s="19">
        <v>91</v>
      </c>
      <c r="K18" s="19">
        <v>73</v>
      </c>
    </row>
    <row r="19" spans="1:11" ht="15" customHeight="1">
      <c r="A19" s="17" t="s">
        <v>35</v>
      </c>
      <c r="B19" s="17"/>
      <c r="C19" s="13">
        <v>189</v>
      </c>
      <c r="D19" s="19">
        <v>98</v>
      </c>
      <c r="E19" s="19">
        <v>91</v>
      </c>
      <c r="F19" s="19"/>
      <c r="G19" s="18" t="s">
        <v>36</v>
      </c>
      <c r="H19" s="17"/>
      <c r="I19" s="13">
        <v>189</v>
      </c>
      <c r="J19" s="19">
        <v>97</v>
      </c>
      <c r="K19" s="19">
        <v>92</v>
      </c>
    </row>
    <row r="20" spans="1:11" ht="15" customHeight="1">
      <c r="A20" s="17" t="s">
        <v>37</v>
      </c>
      <c r="B20" s="17"/>
      <c r="C20" s="13">
        <v>182</v>
      </c>
      <c r="D20" s="19">
        <v>104</v>
      </c>
      <c r="E20" s="19">
        <v>78</v>
      </c>
      <c r="F20" s="19"/>
      <c r="G20" s="18" t="s">
        <v>38</v>
      </c>
      <c r="H20" s="17"/>
      <c r="I20" s="13">
        <v>208</v>
      </c>
      <c r="J20" s="19">
        <v>96</v>
      </c>
      <c r="K20" s="19">
        <v>112</v>
      </c>
    </row>
    <row r="21" spans="1:11" ht="15" customHeight="1">
      <c r="A21" s="17" t="s">
        <v>39</v>
      </c>
      <c r="B21" s="17"/>
      <c r="C21" s="13">
        <v>176</v>
      </c>
      <c r="D21" s="19">
        <v>78</v>
      </c>
      <c r="E21" s="19">
        <v>98</v>
      </c>
      <c r="F21" s="19"/>
      <c r="G21" s="18" t="s">
        <v>40</v>
      </c>
      <c r="H21" s="17"/>
      <c r="I21" s="13">
        <v>170</v>
      </c>
      <c r="J21" s="19">
        <v>84</v>
      </c>
      <c r="K21" s="19">
        <v>86</v>
      </c>
    </row>
    <row r="22" spans="1:11" ht="15" customHeight="1">
      <c r="A22" s="17" t="s">
        <v>41</v>
      </c>
      <c r="B22" s="17"/>
      <c r="C22" s="13">
        <v>202</v>
      </c>
      <c r="D22" s="19">
        <v>101</v>
      </c>
      <c r="E22" s="19">
        <v>101</v>
      </c>
      <c r="F22" s="19"/>
      <c r="G22" s="18" t="s">
        <v>42</v>
      </c>
      <c r="H22" s="17"/>
      <c r="I22" s="13">
        <v>179</v>
      </c>
      <c r="J22" s="19">
        <v>79</v>
      </c>
      <c r="K22" s="19">
        <v>100</v>
      </c>
    </row>
    <row r="23" spans="1:11" ht="20.100000000000001" customHeight="1">
      <c r="A23" s="17" t="s">
        <v>43</v>
      </c>
      <c r="B23" s="17"/>
      <c r="C23" s="13">
        <v>946</v>
      </c>
      <c r="D23" s="14">
        <v>464</v>
      </c>
      <c r="E23" s="14">
        <v>482</v>
      </c>
      <c r="F23" s="14"/>
      <c r="G23" s="18" t="s">
        <v>44</v>
      </c>
      <c r="H23" s="17"/>
      <c r="I23" s="13">
        <v>1041</v>
      </c>
      <c r="J23" s="14">
        <v>488</v>
      </c>
      <c r="K23" s="14">
        <v>553</v>
      </c>
    </row>
    <row r="24" spans="1:11" ht="15" customHeight="1">
      <c r="A24" s="17" t="s">
        <v>45</v>
      </c>
      <c r="B24" s="17"/>
      <c r="C24" s="13">
        <v>190</v>
      </c>
      <c r="D24" s="19">
        <v>84</v>
      </c>
      <c r="E24" s="19">
        <v>106</v>
      </c>
      <c r="F24" s="19"/>
      <c r="G24" s="18" t="s">
        <v>46</v>
      </c>
      <c r="H24" s="17"/>
      <c r="I24" s="13">
        <v>179</v>
      </c>
      <c r="J24" s="19">
        <v>84</v>
      </c>
      <c r="K24" s="19">
        <v>95</v>
      </c>
    </row>
    <row r="25" spans="1:11" ht="15" customHeight="1">
      <c r="A25" s="17" t="s">
        <v>47</v>
      </c>
      <c r="B25" s="17"/>
      <c r="C25" s="13">
        <v>185</v>
      </c>
      <c r="D25" s="19">
        <v>87</v>
      </c>
      <c r="E25" s="19">
        <v>98</v>
      </c>
      <c r="F25" s="19"/>
      <c r="G25" s="18" t="s">
        <v>48</v>
      </c>
      <c r="H25" s="17"/>
      <c r="I25" s="13">
        <v>198</v>
      </c>
      <c r="J25" s="19">
        <v>105</v>
      </c>
      <c r="K25" s="19">
        <v>93</v>
      </c>
    </row>
    <row r="26" spans="1:11" ht="15" customHeight="1">
      <c r="A26" s="17" t="s">
        <v>49</v>
      </c>
      <c r="B26" s="17"/>
      <c r="C26" s="13">
        <v>217</v>
      </c>
      <c r="D26" s="19">
        <v>105</v>
      </c>
      <c r="E26" s="19">
        <v>112</v>
      </c>
      <c r="F26" s="19"/>
      <c r="G26" s="18" t="s">
        <v>50</v>
      </c>
      <c r="H26" s="17"/>
      <c r="I26" s="13">
        <v>240</v>
      </c>
      <c r="J26" s="19">
        <v>113</v>
      </c>
      <c r="K26" s="19">
        <v>127</v>
      </c>
    </row>
    <row r="27" spans="1:11" ht="15" customHeight="1">
      <c r="A27" s="17" t="s">
        <v>51</v>
      </c>
      <c r="B27" s="17"/>
      <c r="C27" s="13">
        <v>165</v>
      </c>
      <c r="D27" s="19">
        <v>85</v>
      </c>
      <c r="E27" s="19">
        <v>80</v>
      </c>
      <c r="F27" s="19"/>
      <c r="G27" s="18" t="s">
        <v>52</v>
      </c>
      <c r="H27" s="17"/>
      <c r="I27" s="13">
        <v>198</v>
      </c>
      <c r="J27" s="19">
        <v>90</v>
      </c>
      <c r="K27" s="19">
        <v>108</v>
      </c>
    </row>
    <row r="28" spans="1:11" ht="15" customHeight="1">
      <c r="A28" s="17" t="s">
        <v>53</v>
      </c>
      <c r="B28" s="17"/>
      <c r="C28" s="13">
        <v>189</v>
      </c>
      <c r="D28" s="19">
        <v>103</v>
      </c>
      <c r="E28" s="19">
        <v>86</v>
      </c>
      <c r="F28" s="19"/>
      <c r="G28" s="18" t="s">
        <v>54</v>
      </c>
      <c r="H28" s="17"/>
      <c r="I28" s="13">
        <v>226</v>
      </c>
      <c r="J28" s="19">
        <v>96</v>
      </c>
      <c r="K28" s="19">
        <v>130</v>
      </c>
    </row>
    <row r="29" spans="1:11" ht="20.100000000000001" customHeight="1">
      <c r="A29" s="17" t="s">
        <v>55</v>
      </c>
      <c r="B29" s="17"/>
      <c r="C29" s="13">
        <v>808</v>
      </c>
      <c r="D29" s="14">
        <v>394</v>
      </c>
      <c r="E29" s="14">
        <v>414</v>
      </c>
      <c r="F29" s="14"/>
      <c r="G29" s="18" t="s">
        <v>56</v>
      </c>
      <c r="H29" s="17"/>
      <c r="I29" s="13">
        <v>1117</v>
      </c>
      <c r="J29" s="14">
        <v>526</v>
      </c>
      <c r="K29" s="14">
        <v>591</v>
      </c>
    </row>
    <row r="30" spans="1:11" ht="15" customHeight="1">
      <c r="A30" s="17" t="s">
        <v>57</v>
      </c>
      <c r="B30" s="17"/>
      <c r="C30" s="13">
        <v>184</v>
      </c>
      <c r="D30" s="19">
        <v>98</v>
      </c>
      <c r="E30" s="19">
        <v>86</v>
      </c>
      <c r="F30" s="19"/>
      <c r="G30" s="18" t="s">
        <v>58</v>
      </c>
      <c r="H30" s="17"/>
      <c r="I30" s="13">
        <v>280</v>
      </c>
      <c r="J30" s="19">
        <v>146</v>
      </c>
      <c r="K30" s="19">
        <v>134</v>
      </c>
    </row>
    <row r="31" spans="1:11" ht="15" customHeight="1">
      <c r="A31" s="17" t="s">
        <v>59</v>
      </c>
      <c r="B31" s="17"/>
      <c r="C31" s="13">
        <v>174</v>
      </c>
      <c r="D31" s="19">
        <v>83</v>
      </c>
      <c r="E31" s="19">
        <v>91</v>
      </c>
      <c r="F31" s="19"/>
      <c r="G31" s="18" t="s">
        <v>60</v>
      </c>
      <c r="H31" s="17"/>
      <c r="I31" s="13">
        <v>249</v>
      </c>
      <c r="J31" s="19">
        <v>118</v>
      </c>
      <c r="K31" s="19">
        <v>131</v>
      </c>
    </row>
    <row r="32" spans="1:11" ht="15" customHeight="1">
      <c r="A32" s="17" t="s">
        <v>61</v>
      </c>
      <c r="B32" s="17"/>
      <c r="C32" s="13">
        <v>136</v>
      </c>
      <c r="D32" s="19">
        <v>55</v>
      </c>
      <c r="E32" s="19">
        <v>81</v>
      </c>
      <c r="F32" s="19"/>
      <c r="G32" s="18" t="s">
        <v>62</v>
      </c>
      <c r="H32" s="17"/>
      <c r="I32" s="13">
        <v>235</v>
      </c>
      <c r="J32" s="19">
        <v>106</v>
      </c>
      <c r="K32" s="19">
        <v>129</v>
      </c>
    </row>
    <row r="33" spans="1:11" ht="15" customHeight="1">
      <c r="A33" s="17" t="s">
        <v>63</v>
      </c>
      <c r="B33" s="17"/>
      <c r="C33" s="13">
        <v>169</v>
      </c>
      <c r="D33" s="19">
        <v>87</v>
      </c>
      <c r="E33" s="19">
        <v>82</v>
      </c>
      <c r="F33" s="19"/>
      <c r="G33" s="18" t="s">
        <v>64</v>
      </c>
      <c r="H33" s="17"/>
      <c r="I33" s="13">
        <v>195</v>
      </c>
      <c r="J33" s="19">
        <v>84</v>
      </c>
      <c r="K33" s="19">
        <v>111</v>
      </c>
    </row>
    <row r="34" spans="1:11" ht="15" customHeight="1">
      <c r="A34" s="17" t="s">
        <v>65</v>
      </c>
      <c r="B34" s="17"/>
      <c r="C34" s="13">
        <v>145</v>
      </c>
      <c r="D34" s="19">
        <v>71</v>
      </c>
      <c r="E34" s="19">
        <v>74</v>
      </c>
      <c r="F34" s="19"/>
      <c r="G34" s="18" t="s">
        <v>66</v>
      </c>
      <c r="H34" s="17"/>
      <c r="I34" s="13">
        <v>158</v>
      </c>
      <c r="J34" s="19">
        <v>72</v>
      </c>
      <c r="K34" s="19">
        <v>86</v>
      </c>
    </row>
    <row r="35" spans="1:11" ht="20.100000000000001" customHeight="1">
      <c r="A35" s="17" t="s">
        <v>67</v>
      </c>
      <c r="B35" s="17"/>
      <c r="C35" s="13">
        <v>715</v>
      </c>
      <c r="D35" s="14">
        <v>358</v>
      </c>
      <c r="E35" s="14">
        <v>357</v>
      </c>
      <c r="F35" s="14"/>
      <c r="G35" s="18" t="s">
        <v>68</v>
      </c>
      <c r="H35" s="17"/>
      <c r="I35" s="13">
        <v>1083</v>
      </c>
      <c r="J35" s="14">
        <v>491</v>
      </c>
      <c r="K35" s="14">
        <v>592</v>
      </c>
    </row>
    <row r="36" spans="1:11" ht="15" customHeight="1">
      <c r="A36" s="17" t="s">
        <v>69</v>
      </c>
      <c r="B36" s="17"/>
      <c r="C36" s="13">
        <v>139</v>
      </c>
      <c r="D36" s="19">
        <v>73</v>
      </c>
      <c r="E36" s="19">
        <v>66</v>
      </c>
      <c r="F36" s="19"/>
      <c r="G36" s="18" t="s">
        <v>70</v>
      </c>
      <c r="H36" s="17"/>
      <c r="I36" s="13">
        <v>223</v>
      </c>
      <c r="J36" s="19">
        <v>91</v>
      </c>
      <c r="K36" s="19">
        <v>132</v>
      </c>
    </row>
    <row r="37" spans="1:11" ht="15" customHeight="1">
      <c r="A37" s="17" t="s">
        <v>71</v>
      </c>
      <c r="B37" s="17"/>
      <c r="C37" s="13">
        <v>136</v>
      </c>
      <c r="D37" s="19">
        <v>64</v>
      </c>
      <c r="E37" s="19">
        <v>72</v>
      </c>
      <c r="F37" s="19"/>
      <c r="G37" s="18" t="s">
        <v>72</v>
      </c>
      <c r="H37" s="17"/>
      <c r="I37" s="13">
        <v>217</v>
      </c>
      <c r="J37" s="19">
        <v>97</v>
      </c>
      <c r="K37" s="19">
        <v>120</v>
      </c>
    </row>
    <row r="38" spans="1:11" ht="15" customHeight="1">
      <c r="A38" s="17" t="s">
        <v>73</v>
      </c>
      <c r="B38" s="17"/>
      <c r="C38" s="13">
        <v>135</v>
      </c>
      <c r="D38" s="19">
        <v>65</v>
      </c>
      <c r="E38" s="19">
        <v>70</v>
      </c>
      <c r="F38" s="19"/>
      <c r="G38" s="18" t="s">
        <v>74</v>
      </c>
      <c r="H38" s="17"/>
      <c r="I38" s="13">
        <v>207</v>
      </c>
      <c r="J38" s="19">
        <v>95</v>
      </c>
      <c r="K38" s="19">
        <v>112</v>
      </c>
    </row>
    <row r="39" spans="1:11" ht="15" customHeight="1">
      <c r="A39" s="17" t="s">
        <v>75</v>
      </c>
      <c r="B39" s="17"/>
      <c r="C39" s="13">
        <v>161</v>
      </c>
      <c r="D39" s="19">
        <v>87</v>
      </c>
      <c r="E39" s="19">
        <v>74</v>
      </c>
      <c r="F39" s="19"/>
      <c r="G39" s="18" t="s">
        <v>76</v>
      </c>
      <c r="H39" s="17"/>
      <c r="I39" s="13">
        <v>228</v>
      </c>
      <c r="J39" s="19">
        <v>106</v>
      </c>
      <c r="K39" s="19">
        <v>122</v>
      </c>
    </row>
    <row r="40" spans="1:11" ht="15" customHeight="1">
      <c r="A40" s="17" t="s">
        <v>77</v>
      </c>
      <c r="B40" s="17"/>
      <c r="C40" s="13">
        <v>144</v>
      </c>
      <c r="D40" s="19">
        <v>69</v>
      </c>
      <c r="E40" s="19">
        <v>75</v>
      </c>
      <c r="F40" s="19"/>
      <c r="G40" s="18" t="s">
        <v>78</v>
      </c>
      <c r="H40" s="17"/>
      <c r="I40" s="13">
        <v>208</v>
      </c>
      <c r="J40" s="19">
        <v>102</v>
      </c>
      <c r="K40" s="19">
        <v>106</v>
      </c>
    </row>
    <row r="41" spans="1:11" ht="20.100000000000001" customHeight="1">
      <c r="A41" s="17" t="s">
        <v>79</v>
      </c>
      <c r="B41" s="17"/>
      <c r="C41" s="13">
        <v>862</v>
      </c>
      <c r="D41" s="14">
        <v>416</v>
      </c>
      <c r="E41" s="14">
        <v>446</v>
      </c>
      <c r="F41" s="14"/>
      <c r="G41" s="18" t="s">
        <v>80</v>
      </c>
      <c r="H41" s="17"/>
      <c r="I41" s="13">
        <v>658</v>
      </c>
      <c r="J41" s="14">
        <v>304</v>
      </c>
      <c r="K41" s="14">
        <v>354</v>
      </c>
    </row>
    <row r="42" spans="1:11" ht="15" customHeight="1">
      <c r="A42" s="17" t="s">
        <v>81</v>
      </c>
      <c r="B42" s="17"/>
      <c r="C42" s="13">
        <v>158</v>
      </c>
      <c r="D42" s="19">
        <v>86</v>
      </c>
      <c r="E42" s="19">
        <v>72</v>
      </c>
      <c r="F42" s="19"/>
      <c r="G42" s="18" t="s">
        <v>82</v>
      </c>
      <c r="H42" s="17"/>
      <c r="I42" s="13">
        <v>143</v>
      </c>
      <c r="J42" s="19">
        <v>67</v>
      </c>
      <c r="K42" s="19">
        <v>76</v>
      </c>
    </row>
    <row r="43" spans="1:11" ht="15" customHeight="1">
      <c r="A43" s="17" t="s">
        <v>83</v>
      </c>
      <c r="B43" s="17"/>
      <c r="C43" s="13">
        <v>154</v>
      </c>
      <c r="D43" s="19">
        <v>79</v>
      </c>
      <c r="E43" s="19">
        <v>75</v>
      </c>
      <c r="F43" s="19"/>
      <c r="G43" s="18" t="s">
        <v>84</v>
      </c>
      <c r="H43" s="17"/>
      <c r="I43" s="13">
        <v>130</v>
      </c>
      <c r="J43" s="19">
        <v>69</v>
      </c>
      <c r="K43" s="19">
        <v>61</v>
      </c>
    </row>
    <row r="44" spans="1:11" ht="15" customHeight="1">
      <c r="A44" s="17" t="s">
        <v>85</v>
      </c>
      <c r="B44" s="17"/>
      <c r="C44" s="13">
        <v>174</v>
      </c>
      <c r="D44" s="19">
        <v>74</v>
      </c>
      <c r="E44" s="19">
        <v>100</v>
      </c>
      <c r="F44" s="19"/>
      <c r="G44" s="18" t="s">
        <v>86</v>
      </c>
      <c r="H44" s="17"/>
      <c r="I44" s="13">
        <v>134</v>
      </c>
      <c r="J44" s="19">
        <v>54</v>
      </c>
      <c r="K44" s="19">
        <v>80</v>
      </c>
    </row>
    <row r="45" spans="1:11" ht="15" customHeight="1">
      <c r="A45" s="17" t="s">
        <v>87</v>
      </c>
      <c r="B45" s="17"/>
      <c r="C45" s="13">
        <v>180</v>
      </c>
      <c r="D45" s="19">
        <v>91</v>
      </c>
      <c r="E45" s="19">
        <v>89</v>
      </c>
      <c r="F45" s="19"/>
      <c r="G45" s="18" t="s">
        <v>88</v>
      </c>
      <c r="H45" s="17"/>
      <c r="I45" s="13">
        <v>134</v>
      </c>
      <c r="J45" s="19">
        <v>69</v>
      </c>
      <c r="K45" s="19">
        <v>65</v>
      </c>
    </row>
    <row r="46" spans="1:11" ht="15" customHeight="1">
      <c r="A46" s="17" t="s">
        <v>89</v>
      </c>
      <c r="B46" s="17"/>
      <c r="C46" s="13">
        <v>196</v>
      </c>
      <c r="D46" s="19">
        <v>86</v>
      </c>
      <c r="E46" s="19">
        <v>110</v>
      </c>
      <c r="F46" s="19"/>
      <c r="G46" s="18" t="s">
        <v>90</v>
      </c>
      <c r="H46" s="17"/>
      <c r="I46" s="13">
        <v>117</v>
      </c>
      <c r="J46" s="19">
        <v>45</v>
      </c>
      <c r="K46" s="19">
        <v>72</v>
      </c>
    </row>
    <row r="47" spans="1:11" ht="20.100000000000001" customHeight="1">
      <c r="A47" s="17" t="s">
        <v>91</v>
      </c>
      <c r="B47" s="17"/>
      <c r="C47" s="13">
        <v>1211</v>
      </c>
      <c r="D47" s="14">
        <v>611</v>
      </c>
      <c r="E47" s="14">
        <v>600</v>
      </c>
      <c r="F47" s="14"/>
      <c r="G47" s="18" t="s">
        <v>92</v>
      </c>
      <c r="H47" s="17"/>
      <c r="I47" s="13">
        <v>473</v>
      </c>
      <c r="J47" s="14">
        <v>171</v>
      </c>
      <c r="K47" s="14">
        <v>302</v>
      </c>
    </row>
    <row r="48" spans="1:11" ht="15" customHeight="1">
      <c r="A48" s="17" t="s">
        <v>93</v>
      </c>
      <c r="B48" s="17"/>
      <c r="C48" s="13">
        <v>223</v>
      </c>
      <c r="D48" s="19">
        <v>117</v>
      </c>
      <c r="E48" s="19">
        <v>106</v>
      </c>
      <c r="F48" s="19"/>
      <c r="G48" s="18" t="s">
        <v>94</v>
      </c>
      <c r="H48" s="17"/>
      <c r="I48" s="13">
        <v>113</v>
      </c>
      <c r="J48" s="19">
        <v>42</v>
      </c>
      <c r="K48" s="19">
        <v>71</v>
      </c>
    </row>
    <row r="49" spans="1:11" ht="15" customHeight="1">
      <c r="A49" s="17" t="s">
        <v>95</v>
      </c>
      <c r="B49" s="17"/>
      <c r="C49" s="13">
        <v>209</v>
      </c>
      <c r="D49" s="19">
        <v>103</v>
      </c>
      <c r="E49" s="19">
        <v>106</v>
      </c>
      <c r="F49" s="19"/>
      <c r="G49" s="18" t="s">
        <v>96</v>
      </c>
      <c r="H49" s="17"/>
      <c r="I49" s="13">
        <v>94</v>
      </c>
      <c r="J49" s="19">
        <v>40</v>
      </c>
      <c r="K49" s="19">
        <v>54</v>
      </c>
    </row>
    <row r="50" spans="1:11" ht="15" customHeight="1">
      <c r="A50" s="17" t="s">
        <v>97</v>
      </c>
      <c r="B50" s="17"/>
      <c r="C50" s="13">
        <v>245</v>
      </c>
      <c r="D50" s="19">
        <v>120</v>
      </c>
      <c r="E50" s="19">
        <v>125</v>
      </c>
      <c r="F50" s="19"/>
      <c r="G50" s="18" t="s">
        <v>98</v>
      </c>
      <c r="H50" s="17"/>
      <c r="I50" s="13">
        <v>103</v>
      </c>
      <c r="J50" s="19">
        <v>36</v>
      </c>
      <c r="K50" s="19">
        <v>67</v>
      </c>
    </row>
    <row r="51" spans="1:11" ht="15" customHeight="1">
      <c r="A51" s="17" t="s">
        <v>99</v>
      </c>
      <c r="B51" s="17"/>
      <c r="C51" s="13">
        <v>271</v>
      </c>
      <c r="D51" s="19">
        <v>140</v>
      </c>
      <c r="E51" s="19">
        <v>131</v>
      </c>
      <c r="F51" s="19"/>
      <c r="G51" s="18" t="s">
        <v>100</v>
      </c>
      <c r="H51" s="17"/>
      <c r="I51" s="13">
        <v>87</v>
      </c>
      <c r="J51" s="19">
        <v>29</v>
      </c>
      <c r="K51" s="19">
        <v>58</v>
      </c>
    </row>
    <row r="52" spans="1:11" ht="15" customHeight="1">
      <c r="A52" s="17" t="s">
        <v>101</v>
      </c>
      <c r="B52" s="17"/>
      <c r="C52" s="13">
        <v>263</v>
      </c>
      <c r="D52" s="19">
        <v>131</v>
      </c>
      <c r="E52" s="19">
        <v>132</v>
      </c>
      <c r="F52" s="19"/>
      <c r="G52" s="18" t="s">
        <v>102</v>
      </c>
      <c r="H52" s="17"/>
      <c r="I52" s="13">
        <v>76</v>
      </c>
      <c r="J52" s="19">
        <v>24</v>
      </c>
      <c r="K52" s="19">
        <v>52</v>
      </c>
    </row>
    <row r="53" spans="1:11" ht="20.100000000000001" customHeight="1">
      <c r="A53" s="17" t="s">
        <v>103</v>
      </c>
      <c r="B53" s="17"/>
      <c r="C53" s="13">
        <v>1345</v>
      </c>
      <c r="D53" s="14">
        <v>684</v>
      </c>
      <c r="E53" s="14">
        <v>661</v>
      </c>
      <c r="F53" s="14"/>
      <c r="G53" s="18" t="s">
        <v>104</v>
      </c>
      <c r="H53" s="17"/>
      <c r="I53" s="13">
        <v>222</v>
      </c>
      <c r="J53" s="14">
        <v>40</v>
      </c>
      <c r="K53" s="14">
        <v>182</v>
      </c>
    </row>
    <row r="54" spans="1:11" ht="15" customHeight="1">
      <c r="A54" s="17" t="s">
        <v>105</v>
      </c>
      <c r="B54" s="17"/>
      <c r="C54" s="13">
        <v>223</v>
      </c>
      <c r="D54" s="19">
        <v>108</v>
      </c>
      <c r="E54" s="19">
        <v>115</v>
      </c>
      <c r="F54" s="19"/>
      <c r="G54" s="18" t="s">
        <v>106</v>
      </c>
      <c r="H54" s="17"/>
      <c r="I54" s="13">
        <v>53</v>
      </c>
      <c r="J54" s="19">
        <v>15</v>
      </c>
      <c r="K54" s="19">
        <v>38</v>
      </c>
    </row>
    <row r="55" spans="1:11" ht="15" customHeight="1">
      <c r="A55" s="17" t="s">
        <v>107</v>
      </c>
      <c r="B55" s="17"/>
      <c r="C55" s="13">
        <v>273</v>
      </c>
      <c r="D55" s="19">
        <v>158</v>
      </c>
      <c r="E55" s="19">
        <v>115</v>
      </c>
      <c r="F55" s="19"/>
      <c r="G55" s="18" t="s">
        <v>108</v>
      </c>
      <c r="H55" s="17"/>
      <c r="I55" s="13">
        <v>51</v>
      </c>
      <c r="J55" s="19">
        <v>9</v>
      </c>
      <c r="K55" s="19">
        <v>42</v>
      </c>
    </row>
    <row r="56" spans="1:11" ht="15" customHeight="1">
      <c r="A56" s="17" t="s">
        <v>109</v>
      </c>
      <c r="B56" s="17"/>
      <c r="C56" s="13">
        <v>270</v>
      </c>
      <c r="D56" s="19">
        <v>141</v>
      </c>
      <c r="E56" s="19">
        <v>129</v>
      </c>
      <c r="F56" s="19"/>
      <c r="G56" s="18" t="s">
        <v>110</v>
      </c>
      <c r="H56" s="17"/>
      <c r="I56" s="13">
        <v>43</v>
      </c>
      <c r="J56" s="19">
        <v>7</v>
      </c>
      <c r="K56" s="19">
        <v>36</v>
      </c>
    </row>
    <row r="57" spans="1:11" ht="15" customHeight="1">
      <c r="A57" s="17" t="s">
        <v>111</v>
      </c>
      <c r="B57" s="17"/>
      <c r="C57" s="13">
        <v>262</v>
      </c>
      <c r="D57" s="19">
        <v>110</v>
      </c>
      <c r="E57" s="19">
        <v>152</v>
      </c>
      <c r="F57" s="19"/>
      <c r="G57" s="18" t="s">
        <v>112</v>
      </c>
      <c r="H57" s="17"/>
      <c r="I57" s="13">
        <v>44</v>
      </c>
      <c r="J57" s="19">
        <v>6</v>
      </c>
      <c r="K57" s="19">
        <v>38</v>
      </c>
    </row>
    <row r="58" spans="1:11" ht="15" customHeight="1">
      <c r="A58" s="17" t="s">
        <v>113</v>
      </c>
      <c r="B58" s="17"/>
      <c r="C58" s="13">
        <v>317</v>
      </c>
      <c r="D58" s="19">
        <v>167</v>
      </c>
      <c r="E58" s="19">
        <v>150</v>
      </c>
      <c r="F58" s="19"/>
      <c r="G58" s="18" t="s">
        <v>114</v>
      </c>
      <c r="H58" s="17"/>
      <c r="I58" s="13">
        <v>31</v>
      </c>
      <c r="J58" s="19">
        <v>3</v>
      </c>
      <c r="K58" s="19">
        <v>28</v>
      </c>
    </row>
    <row r="59" spans="1:11" ht="20.100000000000001" customHeight="1">
      <c r="A59" s="17" t="s">
        <v>115</v>
      </c>
      <c r="B59" s="17"/>
      <c r="C59" s="13">
        <v>1545</v>
      </c>
      <c r="D59" s="14">
        <v>792</v>
      </c>
      <c r="E59" s="14">
        <v>753</v>
      </c>
      <c r="F59" s="14"/>
      <c r="G59" s="18" t="s">
        <v>116</v>
      </c>
      <c r="H59" s="17"/>
      <c r="I59" s="13">
        <v>85</v>
      </c>
      <c r="J59" s="14">
        <v>20</v>
      </c>
      <c r="K59" s="14">
        <v>65</v>
      </c>
    </row>
    <row r="60" spans="1:11" ht="15" customHeight="1">
      <c r="A60" s="17" t="s">
        <v>117</v>
      </c>
      <c r="B60" s="17"/>
      <c r="C60" s="13">
        <v>325</v>
      </c>
      <c r="D60" s="19">
        <v>171</v>
      </c>
      <c r="E60" s="19">
        <v>154</v>
      </c>
      <c r="F60" s="19"/>
      <c r="G60" s="18" t="s">
        <v>118</v>
      </c>
      <c r="H60" s="17"/>
      <c r="I60" s="13">
        <v>19</v>
      </c>
      <c r="J60" s="19">
        <v>4</v>
      </c>
      <c r="K60" s="19">
        <v>15</v>
      </c>
    </row>
    <row r="61" spans="1:11" ht="15" customHeight="1">
      <c r="A61" s="17" t="s">
        <v>119</v>
      </c>
      <c r="B61" s="17"/>
      <c r="C61" s="13">
        <v>348</v>
      </c>
      <c r="D61" s="19">
        <v>177</v>
      </c>
      <c r="E61" s="19">
        <v>171</v>
      </c>
      <c r="F61" s="19"/>
      <c r="G61" s="18" t="s">
        <v>120</v>
      </c>
      <c r="H61" s="17"/>
      <c r="I61" s="13">
        <v>13</v>
      </c>
      <c r="J61" s="19">
        <v>1</v>
      </c>
      <c r="K61" s="19">
        <v>12</v>
      </c>
    </row>
    <row r="62" spans="1:11" ht="15" customHeight="1">
      <c r="A62" s="17" t="s">
        <v>121</v>
      </c>
      <c r="B62" s="17"/>
      <c r="C62" s="13">
        <v>306</v>
      </c>
      <c r="D62" s="19">
        <v>153</v>
      </c>
      <c r="E62" s="19">
        <v>153</v>
      </c>
      <c r="F62" s="19"/>
      <c r="G62" s="18" t="s">
        <v>122</v>
      </c>
      <c r="H62" s="17"/>
      <c r="I62" s="13">
        <v>28</v>
      </c>
      <c r="J62" s="19">
        <v>6</v>
      </c>
      <c r="K62" s="19">
        <v>22</v>
      </c>
    </row>
    <row r="63" spans="1:11" ht="15" customHeight="1">
      <c r="A63" s="17" t="s">
        <v>123</v>
      </c>
      <c r="B63" s="17"/>
      <c r="C63" s="13">
        <v>298</v>
      </c>
      <c r="D63" s="19">
        <v>161</v>
      </c>
      <c r="E63" s="19">
        <v>137</v>
      </c>
      <c r="F63" s="19"/>
      <c r="G63" s="18" t="s">
        <v>124</v>
      </c>
      <c r="H63" s="17"/>
      <c r="I63" s="13">
        <v>12</v>
      </c>
      <c r="J63" s="19">
        <v>6</v>
      </c>
      <c r="K63" s="19">
        <v>6</v>
      </c>
    </row>
    <row r="64" spans="1:11" ht="15" customHeight="1">
      <c r="A64" s="17" t="s">
        <v>125</v>
      </c>
      <c r="B64" s="17"/>
      <c r="C64" s="13">
        <v>268</v>
      </c>
      <c r="D64" s="19">
        <v>130</v>
      </c>
      <c r="E64" s="19">
        <v>138</v>
      </c>
      <c r="F64" s="19"/>
      <c r="G64" s="18" t="s">
        <v>126</v>
      </c>
      <c r="H64" s="17"/>
      <c r="I64" s="13">
        <v>13</v>
      </c>
      <c r="J64" s="19">
        <v>3</v>
      </c>
      <c r="K64" s="19">
        <v>1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9</v>
      </c>
      <c r="J65" s="19">
        <v>2</v>
      </c>
      <c r="K65" s="19">
        <v>2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4</v>
      </c>
      <c r="J66" s="29">
        <v>18</v>
      </c>
      <c r="K66" s="29">
        <v>16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3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1102</v>
      </c>
      <c r="D4" s="14">
        <v>5306</v>
      </c>
      <c r="E4" s="14">
        <v>579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8</v>
      </c>
      <c r="D5" s="14">
        <v>107</v>
      </c>
      <c r="E5" s="14">
        <v>91</v>
      </c>
      <c r="F5" s="14"/>
      <c r="G5" s="18" t="s">
        <v>8</v>
      </c>
      <c r="H5" s="17"/>
      <c r="I5" s="13">
        <v>641</v>
      </c>
      <c r="J5" s="14">
        <v>335</v>
      </c>
      <c r="K5" s="14">
        <v>306</v>
      </c>
    </row>
    <row r="6" spans="1:11" ht="15" customHeight="1">
      <c r="A6" s="17" t="s">
        <v>9</v>
      </c>
      <c r="B6" s="17"/>
      <c r="C6" s="13">
        <v>34</v>
      </c>
      <c r="D6" s="19">
        <v>25</v>
      </c>
      <c r="E6" s="19">
        <v>9</v>
      </c>
      <c r="F6" s="19"/>
      <c r="G6" s="18" t="s">
        <v>10</v>
      </c>
      <c r="H6" s="17"/>
      <c r="I6" s="13">
        <v>128</v>
      </c>
      <c r="J6" s="19">
        <v>78</v>
      </c>
      <c r="K6" s="19">
        <v>50</v>
      </c>
    </row>
    <row r="7" spans="1:11" ht="15" customHeight="1">
      <c r="A7" s="17" t="s">
        <v>11</v>
      </c>
      <c r="B7" s="17"/>
      <c r="C7" s="13">
        <v>38</v>
      </c>
      <c r="D7" s="19">
        <v>22</v>
      </c>
      <c r="E7" s="19">
        <v>16</v>
      </c>
      <c r="F7" s="19"/>
      <c r="G7" s="18" t="s">
        <v>12</v>
      </c>
      <c r="H7" s="17"/>
      <c r="I7" s="13">
        <v>136</v>
      </c>
      <c r="J7" s="19">
        <v>72</v>
      </c>
      <c r="K7" s="19">
        <v>64</v>
      </c>
    </row>
    <row r="8" spans="1:11" ht="15" customHeight="1">
      <c r="A8" s="17" t="s">
        <v>13</v>
      </c>
      <c r="B8" s="17"/>
      <c r="C8" s="13">
        <v>35</v>
      </c>
      <c r="D8" s="19">
        <v>17</v>
      </c>
      <c r="E8" s="19">
        <v>18</v>
      </c>
      <c r="F8" s="19"/>
      <c r="G8" s="18" t="s">
        <v>14</v>
      </c>
      <c r="H8" s="17"/>
      <c r="I8" s="13">
        <v>135</v>
      </c>
      <c r="J8" s="19">
        <v>71</v>
      </c>
      <c r="K8" s="19">
        <v>64</v>
      </c>
    </row>
    <row r="9" spans="1:11" ht="15" customHeight="1">
      <c r="A9" s="17" t="s">
        <v>15</v>
      </c>
      <c r="B9" s="17"/>
      <c r="C9" s="13">
        <v>43</v>
      </c>
      <c r="D9" s="19">
        <v>20</v>
      </c>
      <c r="E9" s="19">
        <v>23</v>
      </c>
      <c r="F9" s="19"/>
      <c r="G9" s="18" t="s">
        <v>16</v>
      </c>
      <c r="H9" s="17"/>
      <c r="I9" s="13">
        <v>90</v>
      </c>
      <c r="J9" s="19">
        <v>42</v>
      </c>
      <c r="K9" s="19">
        <v>48</v>
      </c>
    </row>
    <row r="10" spans="1:11" ht="15" customHeight="1">
      <c r="A10" s="17" t="s">
        <v>17</v>
      </c>
      <c r="B10" s="17"/>
      <c r="C10" s="13">
        <v>48</v>
      </c>
      <c r="D10" s="19">
        <v>23</v>
      </c>
      <c r="E10" s="19">
        <v>25</v>
      </c>
      <c r="F10" s="19"/>
      <c r="G10" s="18" t="s">
        <v>18</v>
      </c>
      <c r="H10" s="17"/>
      <c r="I10" s="13">
        <v>152</v>
      </c>
      <c r="J10" s="19">
        <v>72</v>
      </c>
      <c r="K10" s="19">
        <v>80</v>
      </c>
    </row>
    <row r="11" spans="1:11" ht="20.100000000000001" customHeight="1">
      <c r="A11" s="17" t="s">
        <v>19</v>
      </c>
      <c r="B11" s="17"/>
      <c r="C11" s="13">
        <v>202</v>
      </c>
      <c r="D11" s="14">
        <v>100</v>
      </c>
      <c r="E11" s="14">
        <v>102</v>
      </c>
      <c r="F11" s="14"/>
      <c r="G11" s="18" t="s">
        <v>20</v>
      </c>
      <c r="H11" s="17"/>
      <c r="I11" s="13">
        <v>689</v>
      </c>
      <c r="J11" s="14">
        <v>365</v>
      </c>
      <c r="K11" s="14">
        <v>324</v>
      </c>
    </row>
    <row r="12" spans="1:11" ht="15" customHeight="1">
      <c r="A12" s="17" t="s">
        <v>21</v>
      </c>
      <c r="B12" s="17"/>
      <c r="C12" s="13">
        <v>26</v>
      </c>
      <c r="D12" s="19">
        <v>13</v>
      </c>
      <c r="E12" s="19">
        <v>13</v>
      </c>
      <c r="F12" s="19"/>
      <c r="G12" s="18" t="s">
        <v>22</v>
      </c>
      <c r="H12" s="17"/>
      <c r="I12" s="13">
        <v>118</v>
      </c>
      <c r="J12" s="19">
        <v>60</v>
      </c>
      <c r="K12" s="19">
        <v>58</v>
      </c>
    </row>
    <row r="13" spans="1:11" ht="15" customHeight="1">
      <c r="A13" s="17" t="s">
        <v>23</v>
      </c>
      <c r="B13" s="17"/>
      <c r="C13" s="13">
        <v>53</v>
      </c>
      <c r="D13" s="19">
        <v>26</v>
      </c>
      <c r="E13" s="19">
        <v>27</v>
      </c>
      <c r="F13" s="19"/>
      <c r="G13" s="18" t="s">
        <v>24</v>
      </c>
      <c r="H13" s="17"/>
      <c r="I13" s="13">
        <v>165</v>
      </c>
      <c r="J13" s="19">
        <v>80</v>
      </c>
      <c r="K13" s="19">
        <v>85</v>
      </c>
    </row>
    <row r="14" spans="1:11" ht="15" customHeight="1">
      <c r="A14" s="17" t="s">
        <v>25</v>
      </c>
      <c r="B14" s="17"/>
      <c r="C14" s="13">
        <v>39</v>
      </c>
      <c r="D14" s="19">
        <v>15</v>
      </c>
      <c r="E14" s="19">
        <v>24</v>
      </c>
      <c r="F14" s="19"/>
      <c r="G14" s="18" t="s">
        <v>26</v>
      </c>
      <c r="H14" s="17"/>
      <c r="I14" s="13">
        <v>125</v>
      </c>
      <c r="J14" s="19">
        <v>71</v>
      </c>
      <c r="K14" s="19">
        <v>54</v>
      </c>
    </row>
    <row r="15" spans="1:11" ht="15" customHeight="1">
      <c r="A15" s="17" t="s">
        <v>27</v>
      </c>
      <c r="B15" s="17"/>
      <c r="C15" s="13">
        <v>38</v>
      </c>
      <c r="D15" s="19">
        <v>21</v>
      </c>
      <c r="E15" s="19">
        <v>17</v>
      </c>
      <c r="F15" s="19"/>
      <c r="G15" s="18" t="s">
        <v>28</v>
      </c>
      <c r="H15" s="17"/>
      <c r="I15" s="13">
        <v>135</v>
      </c>
      <c r="J15" s="19">
        <v>74</v>
      </c>
      <c r="K15" s="19">
        <v>61</v>
      </c>
    </row>
    <row r="16" spans="1:11" ht="15" customHeight="1">
      <c r="A16" s="17" t="s">
        <v>29</v>
      </c>
      <c r="B16" s="17"/>
      <c r="C16" s="13">
        <v>46</v>
      </c>
      <c r="D16" s="19">
        <v>25</v>
      </c>
      <c r="E16" s="19">
        <v>21</v>
      </c>
      <c r="F16" s="19"/>
      <c r="G16" s="18" t="s">
        <v>30</v>
      </c>
      <c r="H16" s="17"/>
      <c r="I16" s="13">
        <v>146</v>
      </c>
      <c r="J16" s="19">
        <v>80</v>
      </c>
      <c r="K16" s="19">
        <v>66</v>
      </c>
    </row>
    <row r="17" spans="1:11" ht="20.100000000000001" customHeight="1">
      <c r="A17" s="20" t="s">
        <v>31</v>
      </c>
      <c r="B17" s="20"/>
      <c r="C17" s="13">
        <v>283</v>
      </c>
      <c r="D17" s="14">
        <v>139</v>
      </c>
      <c r="E17" s="14">
        <v>144</v>
      </c>
      <c r="F17" s="14"/>
      <c r="G17" s="18" t="s">
        <v>32</v>
      </c>
      <c r="H17" s="17"/>
      <c r="I17" s="13">
        <v>832</v>
      </c>
      <c r="J17" s="14">
        <v>421</v>
      </c>
      <c r="K17" s="14">
        <v>411</v>
      </c>
    </row>
    <row r="18" spans="1:11" ht="15" customHeight="1">
      <c r="A18" s="17" t="s">
        <v>33</v>
      </c>
      <c r="B18" s="17"/>
      <c r="C18" s="13">
        <v>47</v>
      </c>
      <c r="D18" s="19">
        <v>16</v>
      </c>
      <c r="E18" s="19">
        <v>31</v>
      </c>
      <c r="F18" s="19"/>
      <c r="G18" s="18" t="s">
        <v>34</v>
      </c>
      <c r="H18" s="17"/>
      <c r="I18" s="13">
        <v>137</v>
      </c>
      <c r="J18" s="19">
        <v>46</v>
      </c>
      <c r="K18" s="19">
        <v>91</v>
      </c>
    </row>
    <row r="19" spans="1:11" ht="15" customHeight="1">
      <c r="A19" s="17" t="s">
        <v>35</v>
      </c>
      <c r="B19" s="17"/>
      <c r="C19" s="13">
        <v>82</v>
      </c>
      <c r="D19" s="19">
        <v>41</v>
      </c>
      <c r="E19" s="19">
        <v>41</v>
      </c>
      <c r="F19" s="19"/>
      <c r="G19" s="18" t="s">
        <v>36</v>
      </c>
      <c r="H19" s="17"/>
      <c r="I19" s="13">
        <v>189</v>
      </c>
      <c r="J19" s="19">
        <v>104</v>
      </c>
      <c r="K19" s="19">
        <v>85</v>
      </c>
    </row>
    <row r="20" spans="1:11" ht="15" customHeight="1">
      <c r="A20" s="17" t="s">
        <v>37</v>
      </c>
      <c r="B20" s="17"/>
      <c r="C20" s="13">
        <v>33</v>
      </c>
      <c r="D20" s="19">
        <v>14</v>
      </c>
      <c r="E20" s="19">
        <v>19</v>
      </c>
      <c r="F20" s="19"/>
      <c r="G20" s="18" t="s">
        <v>38</v>
      </c>
      <c r="H20" s="17"/>
      <c r="I20" s="13">
        <v>154</v>
      </c>
      <c r="J20" s="19">
        <v>82</v>
      </c>
      <c r="K20" s="19">
        <v>72</v>
      </c>
    </row>
    <row r="21" spans="1:11" ht="15" customHeight="1">
      <c r="A21" s="17" t="s">
        <v>39</v>
      </c>
      <c r="B21" s="17"/>
      <c r="C21" s="13">
        <v>67</v>
      </c>
      <c r="D21" s="19">
        <v>41</v>
      </c>
      <c r="E21" s="19">
        <v>26</v>
      </c>
      <c r="F21" s="19"/>
      <c r="G21" s="18" t="s">
        <v>40</v>
      </c>
      <c r="H21" s="17"/>
      <c r="I21" s="13">
        <v>158</v>
      </c>
      <c r="J21" s="19">
        <v>86</v>
      </c>
      <c r="K21" s="19">
        <v>72</v>
      </c>
    </row>
    <row r="22" spans="1:11" ht="15" customHeight="1">
      <c r="A22" s="17" t="s">
        <v>41</v>
      </c>
      <c r="B22" s="17"/>
      <c r="C22" s="13">
        <v>54</v>
      </c>
      <c r="D22" s="19">
        <v>27</v>
      </c>
      <c r="E22" s="19">
        <v>27</v>
      </c>
      <c r="F22" s="19"/>
      <c r="G22" s="18" t="s">
        <v>42</v>
      </c>
      <c r="H22" s="17"/>
      <c r="I22" s="13">
        <v>194</v>
      </c>
      <c r="J22" s="19">
        <v>103</v>
      </c>
      <c r="K22" s="19">
        <v>91</v>
      </c>
    </row>
    <row r="23" spans="1:11" ht="20.100000000000001" customHeight="1">
      <c r="A23" s="17" t="s">
        <v>43</v>
      </c>
      <c r="B23" s="17"/>
      <c r="C23" s="13">
        <v>481</v>
      </c>
      <c r="D23" s="14">
        <v>215</v>
      </c>
      <c r="E23" s="14">
        <v>266</v>
      </c>
      <c r="F23" s="14"/>
      <c r="G23" s="18" t="s">
        <v>44</v>
      </c>
      <c r="H23" s="17"/>
      <c r="I23" s="13">
        <v>946</v>
      </c>
      <c r="J23" s="14">
        <v>470</v>
      </c>
      <c r="K23" s="14">
        <v>476</v>
      </c>
    </row>
    <row r="24" spans="1:11" ht="15" customHeight="1">
      <c r="A24" s="17" t="s">
        <v>45</v>
      </c>
      <c r="B24" s="17"/>
      <c r="C24" s="13">
        <v>59</v>
      </c>
      <c r="D24" s="19">
        <v>36</v>
      </c>
      <c r="E24" s="19">
        <v>23</v>
      </c>
      <c r="F24" s="19"/>
      <c r="G24" s="18" t="s">
        <v>46</v>
      </c>
      <c r="H24" s="17"/>
      <c r="I24" s="13">
        <v>172</v>
      </c>
      <c r="J24" s="19">
        <v>90</v>
      </c>
      <c r="K24" s="19">
        <v>82</v>
      </c>
    </row>
    <row r="25" spans="1:11" ht="15" customHeight="1">
      <c r="A25" s="17" t="s">
        <v>47</v>
      </c>
      <c r="B25" s="17"/>
      <c r="C25" s="13">
        <v>63</v>
      </c>
      <c r="D25" s="19">
        <v>26</v>
      </c>
      <c r="E25" s="19">
        <v>37</v>
      </c>
      <c r="F25" s="19"/>
      <c r="G25" s="18" t="s">
        <v>48</v>
      </c>
      <c r="H25" s="17"/>
      <c r="I25" s="13">
        <v>170</v>
      </c>
      <c r="J25" s="19">
        <v>88</v>
      </c>
      <c r="K25" s="19">
        <v>82</v>
      </c>
    </row>
    <row r="26" spans="1:11" ht="15" customHeight="1">
      <c r="A26" s="17" t="s">
        <v>49</v>
      </c>
      <c r="B26" s="17"/>
      <c r="C26" s="13">
        <v>75</v>
      </c>
      <c r="D26" s="19">
        <v>37</v>
      </c>
      <c r="E26" s="19">
        <v>38</v>
      </c>
      <c r="F26" s="19"/>
      <c r="G26" s="18" t="s">
        <v>50</v>
      </c>
      <c r="H26" s="17"/>
      <c r="I26" s="13">
        <v>181</v>
      </c>
      <c r="J26" s="19">
        <v>88</v>
      </c>
      <c r="K26" s="19">
        <v>93</v>
      </c>
    </row>
    <row r="27" spans="1:11" ht="15" customHeight="1">
      <c r="A27" s="17" t="s">
        <v>51</v>
      </c>
      <c r="B27" s="17"/>
      <c r="C27" s="13">
        <v>153</v>
      </c>
      <c r="D27" s="19">
        <v>61</v>
      </c>
      <c r="E27" s="19">
        <v>92</v>
      </c>
      <c r="F27" s="19"/>
      <c r="G27" s="18" t="s">
        <v>52</v>
      </c>
      <c r="H27" s="17"/>
      <c r="I27" s="13">
        <v>188</v>
      </c>
      <c r="J27" s="19">
        <v>93</v>
      </c>
      <c r="K27" s="19">
        <v>95</v>
      </c>
    </row>
    <row r="28" spans="1:11" ht="15" customHeight="1">
      <c r="A28" s="17" t="s">
        <v>53</v>
      </c>
      <c r="B28" s="17"/>
      <c r="C28" s="13">
        <v>131</v>
      </c>
      <c r="D28" s="19">
        <v>55</v>
      </c>
      <c r="E28" s="19">
        <v>76</v>
      </c>
      <c r="F28" s="19"/>
      <c r="G28" s="18" t="s">
        <v>54</v>
      </c>
      <c r="H28" s="17"/>
      <c r="I28" s="13">
        <v>235</v>
      </c>
      <c r="J28" s="19">
        <v>111</v>
      </c>
      <c r="K28" s="19">
        <v>124</v>
      </c>
    </row>
    <row r="29" spans="1:11" ht="20.100000000000001" customHeight="1">
      <c r="A29" s="17" t="s">
        <v>55</v>
      </c>
      <c r="B29" s="17"/>
      <c r="C29" s="13">
        <v>831</v>
      </c>
      <c r="D29" s="14">
        <v>380</v>
      </c>
      <c r="E29" s="14">
        <v>451</v>
      </c>
      <c r="F29" s="14"/>
      <c r="G29" s="18" t="s">
        <v>56</v>
      </c>
      <c r="H29" s="17"/>
      <c r="I29" s="13">
        <v>1025</v>
      </c>
      <c r="J29" s="14">
        <v>496</v>
      </c>
      <c r="K29" s="14">
        <v>529</v>
      </c>
    </row>
    <row r="30" spans="1:11" ht="15" customHeight="1">
      <c r="A30" s="17" t="s">
        <v>57</v>
      </c>
      <c r="B30" s="17"/>
      <c r="C30" s="13">
        <v>188</v>
      </c>
      <c r="D30" s="19">
        <v>81</v>
      </c>
      <c r="E30" s="19">
        <v>107</v>
      </c>
      <c r="F30" s="19"/>
      <c r="G30" s="18" t="s">
        <v>58</v>
      </c>
      <c r="H30" s="17"/>
      <c r="I30" s="13">
        <v>237</v>
      </c>
      <c r="J30" s="19">
        <v>122</v>
      </c>
      <c r="K30" s="19">
        <v>115</v>
      </c>
    </row>
    <row r="31" spans="1:11" ht="15" customHeight="1">
      <c r="A31" s="17" t="s">
        <v>59</v>
      </c>
      <c r="B31" s="17"/>
      <c r="C31" s="13">
        <v>154</v>
      </c>
      <c r="D31" s="19">
        <v>74</v>
      </c>
      <c r="E31" s="19">
        <v>80</v>
      </c>
      <c r="F31" s="19"/>
      <c r="G31" s="18" t="s">
        <v>60</v>
      </c>
      <c r="H31" s="17"/>
      <c r="I31" s="13">
        <v>213</v>
      </c>
      <c r="J31" s="19">
        <v>104</v>
      </c>
      <c r="K31" s="19">
        <v>109</v>
      </c>
    </row>
    <row r="32" spans="1:11" ht="15" customHeight="1">
      <c r="A32" s="17" t="s">
        <v>61</v>
      </c>
      <c r="B32" s="17"/>
      <c r="C32" s="13">
        <v>170</v>
      </c>
      <c r="D32" s="19">
        <v>78</v>
      </c>
      <c r="E32" s="19">
        <v>92</v>
      </c>
      <c r="F32" s="19"/>
      <c r="G32" s="18" t="s">
        <v>62</v>
      </c>
      <c r="H32" s="17"/>
      <c r="I32" s="13">
        <v>260</v>
      </c>
      <c r="J32" s="19">
        <v>120</v>
      </c>
      <c r="K32" s="19">
        <v>140</v>
      </c>
    </row>
    <row r="33" spans="1:11" ht="15" customHeight="1">
      <c r="A33" s="17" t="s">
        <v>63</v>
      </c>
      <c r="B33" s="17"/>
      <c r="C33" s="13">
        <v>153</v>
      </c>
      <c r="D33" s="19">
        <v>73</v>
      </c>
      <c r="E33" s="19">
        <v>80</v>
      </c>
      <c r="F33" s="19"/>
      <c r="G33" s="18" t="s">
        <v>64</v>
      </c>
      <c r="H33" s="17"/>
      <c r="I33" s="13">
        <v>159</v>
      </c>
      <c r="J33" s="19">
        <v>75</v>
      </c>
      <c r="K33" s="19">
        <v>84</v>
      </c>
    </row>
    <row r="34" spans="1:11" ht="15" customHeight="1">
      <c r="A34" s="17" t="s">
        <v>65</v>
      </c>
      <c r="B34" s="17"/>
      <c r="C34" s="13">
        <v>166</v>
      </c>
      <c r="D34" s="19">
        <v>74</v>
      </c>
      <c r="E34" s="19">
        <v>92</v>
      </c>
      <c r="F34" s="19"/>
      <c r="G34" s="18" t="s">
        <v>66</v>
      </c>
      <c r="H34" s="17"/>
      <c r="I34" s="13">
        <v>156</v>
      </c>
      <c r="J34" s="19">
        <v>75</v>
      </c>
      <c r="K34" s="19">
        <v>81</v>
      </c>
    </row>
    <row r="35" spans="1:11" ht="20.100000000000001" customHeight="1">
      <c r="A35" s="17" t="s">
        <v>67</v>
      </c>
      <c r="B35" s="17"/>
      <c r="C35" s="13">
        <v>647</v>
      </c>
      <c r="D35" s="14">
        <v>300</v>
      </c>
      <c r="E35" s="14">
        <v>347</v>
      </c>
      <c r="F35" s="14"/>
      <c r="G35" s="18" t="s">
        <v>68</v>
      </c>
      <c r="H35" s="17"/>
      <c r="I35" s="13">
        <v>851</v>
      </c>
      <c r="J35" s="14">
        <v>390</v>
      </c>
      <c r="K35" s="14">
        <v>461</v>
      </c>
    </row>
    <row r="36" spans="1:11" ht="15" customHeight="1">
      <c r="A36" s="17" t="s">
        <v>69</v>
      </c>
      <c r="B36" s="17"/>
      <c r="C36" s="13">
        <v>125</v>
      </c>
      <c r="D36" s="19">
        <v>52</v>
      </c>
      <c r="E36" s="19">
        <v>73</v>
      </c>
      <c r="F36" s="19"/>
      <c r="G36" s="18" t="s">
        <v>70</v>
      </c>
      <c r="H36" s="17"/>
      <c r="I36" s="13">
        <v>182</v>
      </c>
      <c r="J36" s="19">
        <v>79</v>
      </c>
      <c r="K36" s="19">
        <v>103</v>
      </c>
    </row>
    <row r="37" spans="1:11" ht="15" customHeight="1">
      <c r="A37" s="17" t="s">
        <v>71</v>
      </c>
      <c r="B37" s="17"/>
      <c r="C37" s="13">
        <v>180</v>
      </c>
      <c r="D37" s="19">
        <v>81</v>
      </c>
      <c r="E37" s="19">
        <v>99</v>
      </c>
      <c r="F37" s="19"/>
      <c r="G37" s="18" t="s">
        <v>72</v>
      </c>
      <c r="H37" s="17"/>
      <c r="I37" s="13">
        <v>172</v>
      </c>
      <c r="J37" s="19">
        <v>70</v>
      </c>
      <c r="K37" s="19">
        <v>102</v>
      </c>
    </row>
    <row r="38" spans="1:11" ht="15" customHeight="1">
      <c r="A38" s="17" t="s">
        <v>73</v>
      </c>
      <c r="B38" s="17"/>
      <c r="C38" s="13">
        <v>119</v>
      </c>
      <c r="D38" s="19">
        <v>60</v>
      </c>
      <c r="E38" s="19">
        <v>59</v>
      </c>
      <c r="F38" s="19"/>
      <c r="G38" s="18" t="s">
        <v>74</v>
      </c>
      <c r="H38" s="17"/>
      <c r="I38" s="13">
        <v>171</v>
      </c>
      <c r="J38" s="19">
        <v>77</v>
      </c>
      <c r="K38" s="19">
        <v>94</v>
      </c>
    </row>
    <row r="39" spans="1:11" ht="15" customHeight="1">
      <c r="A39" s="17" t="s">
        <v>75</v>
      </c>
      <c r="B39" s="17"/>
      <c r="C39" s="13">
        <v>124</v>
      </c>
      <c r="D39" s="19">
        <v>64</v>
      </c>
      <c r="E39" s="19">
        <v>60</v>
      </c>
      <c r="F39" s="19"/>
      <c r="G39" s="18" t="s">
        <v>76</v>
      </c>
      <c r="H39" s="17"/>
      <c r="I39" s="13">
        <v>170</v>
      </c>
      <c r="J39" s="19">
        <v>82</v>
      </c>
      <c r="K39" s="19">
        <v>88</v>
      </c>
    </row>
    <row r="40" spans="1:11" ht="15" customHeight="1">
      <c r="A40" s="17" t="s">
        <v>77</v>
      </c>
      <c r="B40" s="17"/>
      <c r="C40" s="13">
        <v>99</v>
      </c>
      <c r="D40" s="19">
        <v>43</v>
      </c>
      <c r="E40" s="19">
        <v>56</v>
      </c>
      <c r="F40" s="19"/>
      <c r="G40" s="18" t="s">
        <v>78</v>
      </c>
      <c r="H40" s="17"/>
      <c r="I40" s="13">
        <v>156</v>
      </c>
      <c r="J40" s="19">
        <v>82</v>
      </c>
      <c r="K40" s="19">
        <v>74</v>
      </c>
    </row>
    <row r="41" spans="1:11" ht="20.100000000000001" customHeight="1">
      <c r="A41" s="17" t="s">
        <v>79</v>
      </c>
      <c r="B41" s="17"/>
      <c r="C41" s="13">
        <v>498</v>
      </c>
      <c r="D41" s="14">
        <v>242</v>
      </c>
      <c r="E41" s="14">
        <v>256</v>
      </c>
      <c r="F41" s="14"/>
      <c r="G41" s="18" t="s">
        <v>80</v>
      </c>
      <c r="H41" s="17"/>
      <c r="I41" s="13">
        <v>595</v>
      </c>
      <c r="J41" s="14">
        <v>227</v>
      </c>
      <c r="K41" s="14">
        <v>368</v>
      </c>
    </row>
    <row r="42" spans="1:11" ht="15" customHeight="1">
      <c r="A42" s="17" t="s">
        <v>81</v>
      </c>
      <c r="B42" s="17"/>
      <c r="C42" s="13">
        <v>119</v>
      </c>
      <c r="D42" s="19">
        <v>70</v>
      </c>
      <c r="E42" s="19">
        <v>49</v>
      </c>
      <c r="F42" s="19"/>
      <c r="G42" s="18" t="s">
        <v>82</v>
      </c>
      <c r="H42" s="17"/>
      <c r="I42" s="13">
        <v>142</v>
      </c>
      <c r="J42" s="19">
        <v>46</v>
      </c>
      <c r="K42" s="19">
        <v>96</v>
      </c>
    </row>
    <row r="43" spans="1:11" ht="15" customHeight="1">
      <c r="A43" s="17" t="s">
        <v>83</v>
      </c>
      <c r="B43" s="17"/>
      <c r="C43" s="13">
        <v>106</v>
      </c>
      <c r="D43" s="19">
        <v>44</v>
      </c>
      <c r="E43" s="19">
        <v>62</v>
      </c>
      <c r="F43" s="19"/>
      <c r="G43" s="18" t="s">
        <v>84</v>
      </c>
      <c r="H43" s="17"/>
      <c r="I43" s="13">
        <v>123</v>
      </c>
      <c r="J43" s="19">
        <v>57</v>
      </c>
      <c r="K43" s="19">
        <v>66</v>
      </c>
    </row>
    <row r="44" spans="1:11" ht="15" customHeight="1">
      <c r="A44" s="17" t="s">
        <v>85</v>
      </c>
      <c r="B44" s="17"/>
      <c r="C44" s="13">
        <v>93</v>
      </c>
      <c r="D44" s="19">
        <v>45</v>
      </c>
      <c r="E44" s="19">
        <v>48</v>
      </c>
      <c r="F44" s="19"/>
      <c r="G44" s="18" t="s">
        <v>86</v>
      </c>
      <c r="H44" s="17"/>
      <c r="I44" s="13">
        <v>97</v>
      </c>
      <c r="J44" s="19">
        <v>32</v>
      </c>
      <c r="K44" s="19">
        <v>65</v>
      </c>
    </row>
    <row r="45" spans="1:11" ht="15" customHeight="1">
      <c r="A45" s="17" t="s">
        <v>87</v>
      </c>
      <c r="B45" s="17"/>
      <c r="C45" s="13">
        <v>108</v>
      </c>
      <c r="D45" s="19">
        <v>45</v>
      </c>
      <c r="E45" s="19">
        <v>63</v>
      </c>
      <c r="F45" s="19"/>
      <c r="G45" s="18" t="s">
        <v>88</v>
      </c>
      <c r="H45" s="17"/>
      <c r="I45" s="13">
        <v>108</v>
      </c>
      <c r="J45" s="19">
        <v>48</v>
      </c>
      <c r="K45" s="19">
        <v>60</v>
      </c>
    </row>
    <row r="46" spans="1:11" ht="15" customHeight="1">
      <c r="A46" s="17" t="s">
        <v>89</v>
      </c>
      <c r="B46" s="17"/>
      <c r="C46" s="13">
        <v>72</v>
      </c>
      <c r="D46" s="19">
        <v>38</v>
      </c>
      <c r="E46" s="19">
        <v>34</v>
      </c>
      <c r="F46" s="19"/>
      <c r="G46" s="18" t="s">
        <v>90</v>
      </c>
      <c r="H46" s="17"/>
      <c r="I46" s="13">
        <v>125</v>
      </c>
      <c r="J46" s="19">
        <v>44</v>
      </c>
      <c r="K46" s="19">
        <v>81</v>
      </c>
    </row>
    <row r="47" spans="1:11" ht="20.100000000000001" customHeight="1">
      <c r="A47" s="17" t="s">
        <v>91</v>
      </c>
      <c r="B47" s="17"/>
      <c r="C47" s="13">
        <v>392</v>
      </c>
      <c r="D47" s="14">
        <v>210</v>
      </c>
      <c r="E47" s="14">
        <v>182</v>
      </c>
      <c r="F47" s="14"/>
      <c r="G47" s="18" t="s">
        <v>92</v>
      </c>
      <c r="H47" s="17"/>
      <c r="I47" s="13">
        <v>364</v>
      </c>
      <c r="J47" s="14">
        <v>133</v>
      </c>
      <c r="K47" s="14">
        <v>231</v>
      </c>
    </row>
    <row r="48" spans="1:11" ht="15" customHeight="1">
      <c r="A48" s="17" t="s">
        <v>93</v>
      </c>
      <c r="B48" s="17"/>
      <c r="C48" s="13">
        <v>84</v>
      </c>
      <c r="D48" s="19">
        <v>40</v>
      </c>
      <c r="E48" s="19">
        <v>44</v>
      </c>
      <c r="F48" s="19"/>
      <c r="G48" s="18" t="s">
        <v>94</v>
      </c>
      <c r="H48" s="17"/>
      <c r="I48" s="13">
        <v>108</v>
      </c>
      <c r="J48" s="19">
        <v>44</v>
      </c>
      <c r="K48" s="19">
        <v>64</v>
      </c>
    </row>
    <row r="49" spans="1:11" ht="15" customHeight="1">
      <c r="A49" s="17" t="s">
        <v>95</v>
      </c>
      <c r="B49" s="17"/>
      <c r="C49" s="13">
        <v>76</v>
      </c>
      <c r="D49" s="19">
        <v>43</v>
      </c>
      <c r="E49" s="19">
        <v>33</v>
      </c>
      <c r="F49" s="19"/>
      <c r="G49" s="18" t="s">
        <v>96</v>
      </c>
      <c r="H49" s="17"/>
      <c r="I49" s="13">
        <v>71</v>
      </c>
      <c r="J49" s="19">
        <v>28</v>
      </c>
      <c r="K49" s="19">
        <v>43</v>
      </c>
    </row>
    <row r="50" spans="1:11" ht="15" customHeight="1">
      <c r="A50" s="17" t="s">
        <v>97</v>
      </c>
      <c r="B50" s="17"/>
      <c r="C50" s="13">
        <v>77</v>
      </c>
      <c r="D50" s="19">
        <v>38</v>
      </c>
      <c r="E50" s="19">
        <v>39</v>
      </c>
      <c r="F50" s="19"/>
      <c r="G50" s="18" t="s">
        <v>98</v>
      </c>
      <c r="H50" s="17"/>
      <c r="I50" s="13">
        <v>95</v>
      </c>
      <c r="J50" s="19">
        <v>37</v>
      </c>
      <c r="K50" s="19">
        <v>58</v>
      </c>
    </row>
    <row r="51" spans="1:11" ht="15" customHeight="1">
      <c r="A51" s="17" t="s">
        <v>99</v>
      </c>
      <c r="B51" s="17"/>
      <c r="C51" s="13">
        <v>81</v>
      </c>
      <c r="D51" s="19">
        <v>54</v>
      </c>
      <c r="E51" s="19">
        <v>27</v>
      </c>
      <c r="F51" s="19"/>
      <c r="G51" s="18" t="s">
        <v>100</v>
      </c>
      <c r="H51" s="17"/>
      <c r="I51" s="13">
        <v>57</v>
      </c>
      <c r="J51" s="19">
        <v>17</v>
      </c>
      <c r="K51" s="19">
        <v>40</v>
      </c>
    </row>
    <row r="52" spans="1:11" ht="15" customHeight="1">
      <c r="A52" s="17" t="s">
        <v>101</v>
      </c>
      <c r="B52" s="17"/>
      <c r="C52" s="13">
        <v>74</v>
      </c>
      <c r="D52" s="19">
        <v>35</v>
      </c>
      <c r="E52" s="19">
        <v>39</v>
      </c>
      <c r="F52" s="19"/>
      <c r="G52" s="18" t="s">
        <v>102</v>
      </c>
      <c r="H52" s="17"/>
      <c r="I52" s="13">
        <v>33</v>
      </c>
      <c r="J52" s="19">
        <v>7</v>
      </c>
      <c r="K52" s="19">
        <v>26</v>
      </c>
    </row>
    <row r="53" spans="1:11" ht="20.100000000000001" customHeight="1">
      <c r="A53" s="17" t="s">
        <v>103</v>
      </c>
      <c r="B53" s="17"/>
      <c r="C53" s="13">
        <v>436</v>
      </c>
      <c r="D53" s="14">
        <v>230</v>
      </c>
      <c r="E53" s="14">
        <v>206</v>
      </c>
      <c r="F53" s="14"/>
      <c r="G53" s="18" t="s">
        <v>104</v>
      </c>
      <c r="H53" s="17"/>
      <c r="I53" s="13">
        <v>223</v>
      </c>
      <c r="J53" s="14">
        <v>62</v>
      </c>
      <c r="K53" s="14">
        <v>161</v>
      </c>
    </row>
    <row r="54" spans="1:11" ht="15" customHeight="1">
      <c r="A54" s="17" t="s">
        <v>105</v>
      </c>
      <c r="B54" s="17"/>
      <c r="C54" s="13">
        <v>80</v>
      </c>
      <c r="D54" s="19">
        <v>40</v>
      </c>
      <c r="E54" s="19">
        <v>40</v>
      </c>
      <c r="F54" s="19"/>
      <c r="G54" s="18" t="s">
        <v>106</v>
      </c>
      <c r="H54" s="17"/>
      <c r="I54" s="13">
        <v>50</v>
      </c>
      <c r="J54" s="19">
        <v>17</v>
      </c>
      <c r="K54" s="19">
        <v>33</v>
      </c>
    </row>
    <row r="55" spans="1:11" ht="15" customHeight="1">
      <c r="A55" s="17" t="s">
        <v>107</v>
      </c>
      <c r="B55" s="17"/>
      <c r="C55" s="13">
        <v>102</v>
      </c>
      <c r="D55" s="19">
        <v>56</v>
      </c>
      <c r="E55" s="19">
        <v>46</v>
      </c>
      <c r="F55" s="19"/>
      <c r="G55" s="18" t="s">
        <v>108</v>
      </c>
      <c r="H55" s="17"/>
      <c r="I55" s="13">
        <v>53</v>
      </c>
      <c r="J55" s="19">
        <v>14</v>
      </c>
      <c r="K55" s="19">
        <v>39</v>
      </c>
    </row>
    <row r="56" spans="1:11" ht="15" customHeight="1">
      <c r="A56" s="17" t="s">
        <v>109</v>
      </c>
      <c r="B56" s="17"/>
      <c r="C56" s="13">
        <v>74</v>
      </c>
      <c r="D56" s="19">
        <v>39</v>
      </c>
      <c r="E56" s="19">
        <v>35</v>
      </c>
      <c r="F56" s="19"/>
      <c r="G56" s="18" t="s">
        <v>110</v>
      </c>
      <c r="H56" s="17"/>
      <c r="I56" s="13">
        <v>43</v>
      </c>
      <c r="J56" s="19">
        <v>13</v>
      </c>
      <c r="K56" s="19">
        <v>30</v>
      </c>
    </row>
    <row r="57" spans="1:11" ht="15" customHeight="1">
      <c r="A57" s="17" t="s">
        <v>111</v>
      </c>
      <c r="B57" s="17"/>
      <c r="C57" s="13">
        <v>104</v>
      </c>
      <c r="D57" s="19">
        <v>64</v>
      </c>
      <c r="E57" s="19">
        <v>40</v>
      </c>
      <c r="F57" s="19"/>
      <c r="G57" s="18" t="s">
        <v>112</v>
      </c>
      <c r="H57" s="17"/>
      <c r="I57" s="13">
        <v>37</v>
      </c>
      <c r="J57" s="19">
        <v>8</v>
      </c>
      <c r="K57" s="19">
        <v>29</v>
      </c>
    </row>
    <row r="58" spans="1:11" ht="15" customHeight="1">
      <c r="A58" s="17" t="s">
        <v>113</v>
      </c>
      <c r="B58" s="17"/>
      <c r="C58" s="13">
        <v>76</v>
      </c>
      <c r="D58" s="19">
        <v>31</v>
      </c>
      <c r="E58" s="19">
        <v>45</v>
      </c>
      <c r="F58" s="19"/>
      <c r="G58" s="18" t="s">
        <v>114</v>
      </c>
      <c r="H58" s="17"/>
      <c r="I58" s="13">
        <v>40</v>
      </c>
      <c r="J58" s="19">
        <v>10</v>
      </c>
      <c r="K58" s="19">
        <v>30</v>
      </c>
    </row>
    <row r="59" spans="1:11" ht="20.100000000000001" customHeight="1">
      <c r="A59" s="17" t="s">
        <v>115</v>
      </c>
      <c r="B59" s="17"/>
      <c r="C59" s="13">
        <v>645</v>
      </c>
      <c r="D59" s="14">
        <v>335</v>
      </c>
      <c r="E59" s="14">
        <v>310</v>
      </c>
      <c r="F59" s="14"/>
      <c r="G59" s="18" t="s">
        <v>116</v>
      </c>
      <c r="H59" s="17"/>
      <c r="I59" s="13">
        <v>64</v>
      </c>
      <c r="J59" s="14">
        <v>8</v>
      </c>
      <c r="K59" s="14">
        <v>56</v>
      </c>
    </row>
    <row r="60" spans="1:11" ht="15" customHeight="1">
      <c r="A60" s="17" t="s">
        <v>117</v>
      </c>
      <c r="B60" s="17"/>
      <c r="C60" s="13">
        <v>124</v>
      </c>
      <c r="D60" s="19">
        <v>71</v>
      </c>
      <c r="E60" s="19">
        <v>53</v>
      </c>
      <c r="F60" s="19"/>
      <c r="G60" s="18" t="s">
        <v>118</v>
      </c>
      <c r="H60" s="17"/>
      <c r="I60" s="13">
        <v>29</v>
      </c>
      <c r="J60" s="19">
        <v>1</v>
      </c>
      <c r="K60" s="19">
        <v>28</v>
      </c>
    </row>
    <row r="61" spans="1:11" ht="15" customHeight="1">
      <c r="A61" s="17" t="s">
        <v>119</v>
      </c>
      <c r="B61" s="17"/>
      <c r="C61" s="13">
        <v>136</v>
      </c>
      <c r="D61" s="19">
        <v>62</v>
      </c>
      <c r="E61" s="19">
        <v>74</v>
      </c>
      <c r="F61" s="19"/>
      <c r="G61" s="18" t="s">
        <v>120</v>
      </c>
      <c r="H61" s="17"/>
      <c r="I61" s="13">
        <v>12</v>
      </c>
      <c r="J61" s="19">
        <v>3</v>
      </c>
      <c r="K61" s="19">
        <v>9</v>
      </c>
    </row>
    <row r="62" spans="1:11" ht="15" customHeight="1">
      <c r="A62" s="17" t="s">
        <v>121</v>
      </c>
      <c r="B62" s="17"/>
      <c r="C62" s="13">
        <v>121</v>
      </c>
      <c r="D62" s="19">
        <v>63</v>
      </c>
      <c r="E62" s="19">
        <v>58</v>
      </c>
      <c r="F62" s="19"/>
      <c r="G62" s="18" t="s">
        <v>122</v>
      </c>
      <c r="H62" s="17"/>
      <c r="I62" s="13">
        <v>9</v>
      </c>
      <c r="J62" s="19">
        <v>2</v>
      </c>
      <c r="K62" s="19">
        <v>7</v>
      </c>
    </row>
    <row r="63" spans="1:11" ht="15" customHeight="1">
      <c r="A63" s="17" t="s">
        <v>123</v>
      </c>
      <c r="B63" s="17"/>
      <c r="C63" s="13">
        <v>121</v>
      </c>
      <c r="D63" s="19">
        <v>64</v>
      </c>
      <c r="E63" s="19">
        <v>57</v>
      </c>
      <c r="F63" s="19"/>
      <c r="G63" s="18" t="s">
        <v>124</v>
      </c>
      <c r="H63" s="17"/>
      <c r="I63" s="13">
        <v>5</v>
      </c>
      <c r="J63" s="19">
        <v>2</v>
      </c>
      <c r="K63" s="19">
        <v>3</v>
      </c>
    </row>
    <row r="64" spans="1:11" ht="15" customHeight="1">
      <c r="A64" s="17" t="s">
        <v>125</v>
      </c>
      <c r="B64" s="17"/>
      <c r="C64" s="13">
        <v>143</v>
      </c>
      <c r="D64" s="19">
        <v>75</v>
      </c>
      <c r="E64" s="19">
        <v>68</v>
      </c>
      <c r="F64" s="19"/>
      <c r="G64" s="18" t="s">
        <v>126</v>
      </c>
      <c r="H64" s="17"/>
      <c r="I64" s="13">
        <v>9</v>
      </c>
      <c r="J64" s="19">
        <v>0</v>
      </c>
      <c r="K64" s="19">
        <v>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</v>
      </c>
      <c r="J65" s="19">
        <v>2</v>
      </c>
      <c r="K65" s="19">
        <v>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54</v>
      </c>
      <c r="J66" s="29">
        <v>139</v>
      </c>
      <c r="K66" s="29">
        <v>11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4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799</v>
      </c>
      <c r="D4" s="14">
        <v>3181</v>
      </c>
      <c r="E4" s="14">
        <v>361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9</v>
      </c>
      <c r="D5" s="14">
        <v>62</v>
      </c>
      <c r="E5" s="14">
        <v>67</v>
      </c>
      <c r="F5" s="14"/>
      <c r="G5" s="18" t="s">
        <v>8</v>
      </c>
      <c r="H5" s="17"/>
      <c r="I5" s="13">
        <v>514</v>
      </c>
      <c r="J5" s="14">
        <v>239</v>
      </c>
      <c r="K5" s="14">
        <v>275</v>
      </c>
    </row>
    <row r="6" spans="1:11" ht="15" customHeight="1">
      <c r="A6" s="17" t="s">
        <v>9</v>
      </c>
      <c r="B6" s="17"/>
      <c r="C6" s="13">
        <v>16</v>
      </c>
      <c r="D6" s="19">
        <v>6</v>
      </c>
      <c r="E6" s="19">
        <v>10</v>
      </c>
      <c r="F6" s="19"/>
      <c r="G6" s="18" t="s">
        <v>10</v>
      </c>
      <c r="H6" s="17"/>
      <c r="I6" s="13">
        <v>91</v>
      </c>
      <c r="J6" s="19">
        <v>36</v>
      </c>
      <c r="K6" s="19">
        <v>55</v>
      </c>
    </row>
    <row r="7" spans="1:11" ht="15" customHeight="1">
      <c r="A7" s="17" t="s">
        <v>11</v>
      </c>
      <c r="B7" s="17"/>
      <c r="C7" s="13">
        <v>29</v>
      </c>
      <c r="D7" s="19">
        <v>16</v>
      </c>
      <c r="E7" s="19">
        <v>13</v>
      </c>
      <c r="F7" s="19"/>
      <c r="G7" s="18" t="s">
        <v>12</v>
      </c>
      <c r="H7" s="17"/>
      <c r="I7" s="13">
        <v>105</v>
      </c>
      <c r="J7" s="19">
        <v>47</v>
      </c>
      <c r="K7" s="19">
        <v>58</v>
      </c>
    </row>
    <row r="8" spans="1:11" ht="15" customHeight="1">
      <c r="A8" s="17" t="s">
        <v>13</v>
      </c>
      <c r="B8" s="17"/>
      <c r="C8" s="13">
        <v>25</v>
      </c>
      <c r="D8" s="19">
        <v>11</v>
      </c>
      <c r="E8" s="19">
        <v>14</v>
      </c>
      <c r="F8" s="19"/>
      <c r="G8" s="18" t="s">
        <v>14</v>
      </c>
      <c r="H8" s="17"/>
      <c r="I8" s="13">
        <v>105</v>
      </c>
      <c r="J8" s="19">
        <v>49</v>
      </c>
      <c r="K8" s="19">
        <v>56</v>
      </c>
    </row>
    <row r="9" spans="1:11" ht="15" customHeight="1">
      <c r="A9" s="17" t="s">
        <v>15</v>
      </c>
      <c r="B9" s="17"/>
      <c r="C9" s="13">
        <v>27</v>
      </c>
      <c r="D9" s="19">
        <v>15</v>
      </c>
      <c r="E9" s="19">
        <v>12</v>
      </c>
      <c r="F9" s="19"/>
      <c r="G9" s="18" t="s">
        <v>16</v>
      </c>
      <c r="H9" s="17"/>
      <c r="I9" s="13">
        <v>90</v>
      </c>
      <c r="J9" s="19">
        <v>49</v>
      </c>
      <c r="K9" s="19">
        <v>41</v>
      </c>
    </row>
    <row r="10" spans="1:11" ht="15" customHeight="1">
      <c r="A10" s="17" t="s">
        <v>17</v>
      </c>
      <c r="B10" s="17"/>
      <c r="C10" s="13">
        <v>32</v>
      </c>
      <c r="D10" s="19">
        <v>14</v>
      </c>
      <c r="E10" s="19">
        <v>18</v>
      </c>
      <c r="F10" s="19"/>
      <c r="G10" s="18" t="s">
        <v>18</v>
      </c>
      <c r="H10" s="17"/>
      <c r="I10" s="13">
        <v>123</v>
      </c>
      <c r="J10" s="19">
        <v>58</v>
      </c>
      <c r="K10" s="19">
        <v>65</v>
      </c>
    </row>
    <row r="11" spans="1:11" ht="20.100000000000001" customHeight="1">
      <c r="A11" s="17" t="s">
        <v>19</v>
      </c>
      <c r="B11" s="17"/>
      <c r="C11" s="13">
        <v>168</v>
      </c>
      <c r="D11" s="14">
        <v>86</v>
      </c>
      <c r="E11" s="14">
        <v>82</v>
      </c>
      <c r="F11" s="14"/>
      <c r="G11" s="18" t="s">
        <v>20</v>
      </c>
      <c r="H11" s="17"/>
      <c r="I11" s="13">
        <v>529</v>
      </c>
      <c r="J11" s="14">
        <v>248</v>
      </c>
      <c r="K11" s="14">
        <v>281</v>
      </c>
    </row>
    <row r="12" spans="1:11" ht="15" customHeight="1">
      <c r="A12" s="17" t="s">
        <v>21</v>
      </c>
      <c r="B12" s="17"/>
      <c r="C12" s="13">
        <v>40</v>
      </c>
      <c r="D12" s="19">
        <v>23</v>
      </c>
      <c r="E12" s="19">
        <v>17</v>
      </c>
      <c r="F12" s="19"/>
      <c r="G12" s="18" t="s">
        <v>22</v>
      </c>
      <c r="H12" s="17"/>
      <c r="I12" s="13">
        <v>113</v>
      </c>
      <c r="J12" s="19">
        <v>55</v>
      </c>
      <c r="K12" s="19">
        <v>58</v>
      </c>
    </row>
    <row r="13" spans="1:11" ht="15" customHeight="1">
      <c r="A13" s="17" t="s">
        <v>23</v>
      </c>
      <c r="B13" s="17"/>
      <c r="C13" s="13">
        <v>28</v>
      </c>
      <c r="D13" s="19">
        <v>16</v>
      </c>
      <c r="E13" s="19">
        <v>12</v>
      </c>
      <c r="F13" s="19"/>
      <c r="G13" s="18" t="s">
        <v>24</v>
      </c>
      <c r="H13" s="17"/>
      <c r="I13" s="13">
        <v>96</v>
      </c>
      <c r="J13" s="19">
        <v>42</v>
      </c>
      <c r="K13" s="19">
        <v>54</v>
      </c>
    </row>
    <row r="14" spans="1:11" ht="15" customHeight="1">
      <c r="A14" s="17" t="s">
        <v>25</v>
      </c>
      <c r="B14" s="17"/>
      <c r="C14" s="13">
        <v>32</v>
      </c>
      <c r="D14" s="19">
        <v>15</v>
      </c>
      <c r="E14" s="19">
        <v>17</v>
      </c>
      <c r="F14" s="19"/>
      <c r="G14" s="18" t="s">
        <v>26</v>
      </c>
      <c r="H14" s="17"/>
      <c r="I14" s="13">
        <v>116</v>
      </c>
      <c r="J14" s="19">
        <v>56</v>
      </c>
      <c r="K14" s="19">
        <v>60</v>
      </c>
    </row>
    <row r="15" spans="1:11" ht="15" customHeight="1">
      <c r="A15" s="17" t="s">
        <v>27</v>
      </c>
      <c r="B15" s="17"/>
      <c r="C15" s="13">
        <v>30</v>
      </c>
      <c r="D15" s="19">
        <v>16</v>
      </c>
      <c r="E15" s="19">
        <v>14</v>
      </c>
      <c r="F15" s="19"/>
      <c r="G15" s="18" t="s">
        <v>28</v>
      </c>
      <c r="H15" s="17"/>
      <c r="I15" s="13">
        <v>110</v>
      </c>
      <c r="J15" s="19">
        <v>52</v>
      </c>
      <c r="K15" s="19">
        <v>58</v>
      </c>
    </row>
    <row r="16" spans="1:11" ht="15" customHeight="1">
      <c r="A16" s="17" t="s">
        <v>29</v>
      </c>
      <c r="B16" s="17"/>
      <c r="C16" s="13">
        <v>38</v>
      </c>
      <c r="D16" s="19">
        <v>16</v>
      </c>
      <c r="E16" s="19">
        <v>22</v>
      </c>
      <c r="F16" s="19"/>
      <c r="G16" s="18" t="s">
        <v>30</v>
      </c>
      <c r="H16" s="17"/>
      <c r="I16" s="13">
        <v>94</v>
      </c>
      <c r="J16" s="19">
        <v>43</v>
      </c>
      <c r="K16" s="19">
        <v>51</v>
      </c>
    </row>
    <row r="17" spans="1:11" ht="20.100000000000001" customHeight="1">
      <c r="A17" s="20" t="s">
        <v>31</v>
      </c>
      <c r="B17" s="20"/>
      <c r="C17" s="13">
        <v>173</v>
      </c>
      <c r="D17" s="14">
        <v>83</v>
      </c>
      <c r="E17" s="14">
        <v>90</v>
      </c>
      <c r="F17" s="14"/>
      <c r="G17" s="18" t="s">
        <v>32</v>
      </c>
      <c r="H17" s="17"/>
      <c r="I17" s="13">
        <v>560</v>
      </c>
      <c r="J17" s="14">
        <v>281</v>
      </c>
      <c r="K17" s="14">
        <v>279</v>
      </c>
    </row>
    <row r="18" spans="1:11" ht="15" customHeight="1">
      <c r="A18" s="17" t="s">
        <v>33</v>
      </c>
      <c r="B18" s="17"/>
      <c r="C18" s="13">
        <v>34</v>
      </c>
      <c r="D18" s="19">
        <v>15</v>
      </c>
      <c r="E18" s="19">
        <v>19</v>
      </c>
      <c r="F18" s="19"/>
      <c r="G18" s="18" t="s">
        <v>34</v>
      </c>
      <c r="H18" s="17"/>
      <c r="I18" s="13">
        <v>108</v>
      </c>
      <c r="J18" s="19">
        <v>55</v>
      </c>
      <c r="K18" s="19">
        <v>53</v>
      </c>
    </row>
    <row r="19" spans="1:11" ht="15" customHeight="1">
      <c r="A19" s="17" t="s">
        <v>35</v>
      </c>
      <c r="B19" s="17"/>
      <c r="C19" s="13">
        <v>23</v>
      </c>
      <c r="D19" s="19">
        <v>14</v>
      </c>
      <c r="E19" s="19">
        <v>9</v>
      </c>
      <c r="F19" s="19"/>
      <c r="G19" s="18" t="s">
        <v>36</v>
      </c>
      <c r="H19" s="17"/>
      <c r="I19" s="13">
        <v>119</v>
      </c>
      <c r="J19" s="19">
        <v>56</v>
      </c>
      <c r="K19" s="19">
        <v>63</v>
      </c>
    </row>
    <row r="20" spans="1:11" ht="15" customHeight="1">
      <c r="A20" s="17" t="s">
        <v>37</v>
      </c>
      <c r="B20" s="17"/>
      <c r="C20" s="13">
        <v>47</v>
      </c>
      <c r="D20" s="19">
        <v>23</v>
      </c>
      <c r="E20" s="19">
        <v>24</v>
      </c>
      <c r="F20" s="19"/>
      <c r="G20" s="18" t="s">
        <v>38</v>
      </c>
      <c r="H20" s="17"/>
      <c r="I20" s="13">
        <v>103</v>
      </c>
      <c r="J20" s="19">
        <v>59</v>
      </c>
      <c r="K20" s="19">
        <v>44</v>
      </c>
    </row>
    <row r="21" spans="1:11" ht="15" customHeight="1">
      <c r="A21" s="17" t="s">
        <v>39</v>
      </c>
      <c r="B21" s="17"/>
      <c r="C21" s="13">
        <v>38</v>
      </c>
      <c r="D21" s="19">
        <v>17</v>
      </c>
      <c r="E21" s="19">
        <v>21</v>
      </c>
      <c r="F21" s="19"/>
      <c r="G21" s="18" t="s">
        <v>40</v>
      </c>
      <c r="H21" s="17"/>
      <c r="I21" s="13">
        <v>119</v>
      </c>
      <c r="J21" s="19">
        <v>56</v>
      </c>
      <c r="K21" s="19">
        <v>63</v>
      </c>
    </row>
    <row r="22" spans="1:11" ht="15" customHeight="1">
      <c r="A22" s="17" t="s">
        <v>41</v>
      </c>
      <c r="B22" s="17"/>
      <c r="C22" s="13">
        <v>31</v>
      </c>
      <c r="D22" s="19">
        <v>14</v>
      </c>
      <c r="E22" s="19">
        <v>17</v>
      </c>
      <c r="F22" s="19"/>
      <c r="G22" s="18" t="s">
        <v>42</v>
      </c>
      <c r="H22" s="17"/>
      <c r="I22" s="13">
        <v>111</v>
      </c>
      <c r="J22" s="19">
        <v>55</v>
      </c>
      <c r="K22" s="19">
        <v>56</v>
      </c>
    </row>
    <row r="23" spans="1:11" ht="20.100000000000001" customHeight="1">
      <c r="A23" s="17" t="s">
        <v>43</v>
      </c>
      <c r="B23" s="17"/>
      <c r="C23" s="13">
        <v>251</v>
      </c>
      <c r="D23" s="14">
        <v>132</v>
      </c>
      <c r="E23" s="14">
        <v>119</v>
      </c>
      <c r="F23" s="14"/>
      <c r="G23" s="18" t="s">
        <v>44</v>
      </c>
      <c r="H23" s="17"/>
      <c r="I23" s="13">
        <v>639</v>
      </c>
      <c r="J23" s="14">
        <v>319</v>
      </c>
      <c r="K23" s="14">
        <v>320</v>
      </c>
    </row>
    <row r="24" spans="1:11" ht="15" customHeight="1">
      <c r="A24" s="17" t="s">
        <v>45</v>
      </c>
      <c r="B24" s="17"/>
      <c r="C24" s="13">
        <v>45</v>
      </c>
      <c r="D24" s="19">
        <v>21</v>
      </c>
      <c r="E24" s="19">
        <v>24</v>
      </c>
      <c r="F24" s="19"/>
      <c r="G24" s="18" t="s">
        <v>46</v>
      </c>
      <c r="H24" s="17"/>
      <c r="I24" s="13">
        <v>106</v>
      </c>
      <c r="J24" s="19">
        <v>58</v>
      </c>
      <c r="K24" s="19">
        <v>48</v>
      </c>
    </row>
    <row r="25" spans="1:11" ht="15" customHeight="1">
      <c r="A25" s="17" t="s">
        <v>47</v>
      </c>
      <c r="B25" s="17"/>
      <c r="C25" s="13">
        <v>45</v>
      </c>
      <c r="D25" s="19">
        <v>35</v>
      </c>
      <c r="E25" s="19">
        <v>10</v>
      </c>
      <c r="F25" s="19"/>
      <c r="G25" s="18" t="s">
        <v>48</v>
      </c>
      <c r="H25" s="17"/>
      <c r="I25" s="13">
        <v>137</v>
      </c>
      <c r="J25" s="19">
        <v>72</v>
      </c>
      <c r="K25" s="19">
        <v>65</v>
      </c>
    </row>
    <row r="26" spans="1:11" ht="15" customHeight="1">
      <c r="A26" s="17" t="s">
        <v>49</v>
      </c>
      <c r="B26" s="17"/>
      <c r="C26" s="13">
        <v>52</v>
      </c>
      <c r="D26" s="19">
        <v>18</v>
      </c>
      <c r="E26" s="19">
        <v>34</v>
      </c>
      <c r="F26" s="19"/>
      <c r="G26" s="18" t="s">
        <v>50</v>
      </c>
      <c r="H26" s="17"/>
      <c r="I26" s="13">
        <v>117</v>
      </c>
      <c r="J26" s="19">
        <v>54</v>
      </c>
      <c r="K26" s="19">
        <v>63</v>
      </c>
    </row>
    <row r="27" spans="1:11" ht="15" customHeight="1">
      <c r="A27" s="17" t="s">
        <v>51</v>
      </c>
      <c r="B27" s="17"/>
      <c r="C27" s="13">
        <v>57</v>
      </c>
      <c r="D27" s="19">
        <v>30</v>
      </c>
      <c r="E27" s="19">
        <v>27</v>
      </c>
      <c r="F27" s="19"/>
      <c r="G27" s="18" t="s">
        <v>52</v>
      </c>
      <c r="H27" s="17"/>
      <c r="I27" s="13">
        <v>135</v>
      </c>
      <c r="J27" s="19">
        <v>74</v>
      </c>
      <c r="K27" s="19">
        <v>61</v>
      </c>
    </row>
    <row r="28" spans="1:11" ht="15" customHeight="1">
      <c r="A28" s="17" t="s">
        <v>53</v>
      </c>
      <c r="B28" s="17"/>
      <c r="C28" s="13">
        <v>52</v>
      </c>
      <c r="D28" s="19">
        <v>28</v>
      </c>
      <c r="E28" s="19">
        <v>24</v>
      </c>
      <c r="F28" s="19"/>
      <c r="G28" s="18" t="s">
        <v>54</v>
      </c>
      <c r="H28" s="17"/>
      <c r="I28" s="13">
        <v>144</v>
      </c>
      <c r="J28" s="19">
        <v>61</v>
      </c>
      <c r="K28" s="19">
        <v>83</v>
      </c>
    </row>
    <row r="29" spans="1:11" ht="20.100000000000001" customHeight="1">
      <c r="A29" s="17" t="s">
        <v>55</v>
      </c>
      <c r="B29" s="17"/>
      <c r="C29" s="13">
        <v>223</v>
      </c>
      <c r="D29" s="14">
        <v>105</v>
      </c>
      <c r="E29" s="14">
        <v>118</v>
      </c>
      <c r="F29" s="14"/>
      <c r="G29" s="18" t="s">
        <v>56</v>
      </c>
      <c r="H29" s="17"/>
      <c r="I29" s="13">
        <v>733</v>
      </c>
      <c r="J29" s="14">
        <v>333</v>
      </c>
      <c r="K29" s="14">
        <v>400</v>
      </c>
    </row>
    <row r="30" spans="1:11" ht="15" customHeight="1">
      <c r="A30" s="17" t="s">
        <v>57</v>
      </c>
      <c r="B30" s="17"/>
      <c r="C30" s="13">
        <v>47</v>
      </c>
      <c r="D30" s="19">
        <v>21</v>
      </c>
      <c r="E30" s="19">
        <v>26</v>
      </c>
      <c r="F30" s="19"/>
      <c r="G30" s="18" t="s">
        <v>58</v>
      </c>
      <c r="H30" s="17"/>
      <c r="I30" s="13">
        <v>146</v>
      </c>
      <c r="J30" s="19">
        <v>65</v>
      </c>
      <c r="K30" s="19">
        <v>81</v>
      </c>
    </row>
    <row r="31" spans="1:11" ht="15" customHeight="1">
      <c r="A31" s="17" t="s">
        <v>59</v>
      </c>
      <c r="B31" s="17"/>
      <c r="C31" s="13">
        <v>50</v>
      </c>
      <c r="D31" s="19">
        <v>23</v>
      </c>
      <c r="E31" s="19">
        <v>27</v>
      </c>
      <c r="F31" s="19"/>
      <c r="G31" s="18" t="s">
        <v>60</v>
      </c>
      <c r="H31" s="17"/>
      <c r="I31" s="13">
        <v>176</v>
      </c>
      <c r="J31" s="19">
        <v>86</v>
      </c>
      <c r="K31" s="19">
        <v>90</v>
      </c>
    </row>
    <row r="32" spans="1:11" ht="15" customHeight="1">
      <c r="A32" s="17" t="s">
        <v>61</v>
      </c>
      <c r="B32" s="17"/>
      <c r="C32" s="13">
        <v>51</v>
      </c>
      <c r="D32" s="19">
        <v>22</v>
      </c>
      <c r="E32" s="19">
        <v>29</v>
      </c>
      <c r="F32" s="19"/>
      <c r="G32" s="18" t="s">
        <v>62</v>
      </c>
      <c r="H32" s="17"/>
      <c r="I32" s="13">
        <v>177</v>
      </c>
      <c r="J32" s="19">
        <v>87</v>
      </c>
      <c r="K32" s="19">
        <v>90</v>
      </c>
    </row>
    <row r="33" spans="1:11" ht="15" customHeight="1">
      <c r="A33" s="17" t="s">
        <v>63</v>
      </c>
      <c r="B33" s="17"/>
      <c r="C33" s="13">
        <v>36</v>
      </c>
      <c r="D33" s="19">
        <v>21</v>
      </c>
      <c r="E33" s="19">
        <v>15</v>
      </c>
      <c r="F33" s="19"/>
      <c r="G33" s="18" t="s">
        <v>64</v>
      </c>
      <c r="H33" s="17"/>
      <c r="I33" s="13">
        <v>122</v>
      </c>
      <c r="J33" s="19">
        <v>50</v>
      </c>
      <c r="K33" s="19">
        <v>72</v>
      </c>
    </row>
    <row r="34" spans="1:11" ht="15" customHeight="1">
      <c r="A34" s="17" t="s">
        <v>65</v>
      </c>
      <c r="B34" s="17"/>
      <c r="C34" s="13">
        <v>39</v>
      </c>
      <c r="D34" s="19">
        <v>18</v>
      </c>
      <c r="E34" s="19">
        <v>21</v>
      </c>
      <c r="F34" s="19"/>
      <c r="G34" s="18" t="s">
        <v>66</v>
      </c>
      <c r="H34" s="17"/>
      <c r="I34" s="13">
        <v>112</v>
      </c>
      <c r="J34" s="19">
        <v>45</v>
      </c>
      <c r="K34" s="19">
        <v>67</v>
      </c>
    </row>
    <row r="35" spans="1:11" ht="20.100000000000001" customHeight="1">
      <c r="A35" s="17" t="s">
        <v>67</v>
      </c>
      <c r="B35" s="17"/>
      <c r="C35" s="13">
        <v>176</v>
      </c>
      <c r="D35" s="14">
        <v>89</v>
      </c>
      <c r="E35" s="14">
        <v>87</v>
      </c>
      <c r="F35" s="14"/>
      <c r="G35" s="18" t="s">
        <v>68</v>
      </c>
      <c r="H35" s="17"/>
      <c r="I35" s="13">
        <v>664</v>
      </c>
      <c r="J35" s="14">
        <v>302</v>
      </c>
      <c r="K35" s="14">
        <v>362</v>
      </c>
    </row>
    <row r="36" spans="1:11" ht="15" customHeight="1">
      <c r="A36" s="17" t="s">
        <v>69</v>
      </c>
      <c r="B36" s="17"/>
      <c r="C36" s="13">
        <v>39</v>
      </c>
      <c r="D36" s="19">
        <v>17</v>
      </c>
      <c r="E36" s="19">
        <v>22</v>
      </c>
      <c r="F36" s="19"/>
      <c r="G36" s="18" t="s">
        <v>70</v>
      </c>
      <c r="H36" s="17"/>
      <c r="I36" s="13">
        <v>151</v>
      </c>
      <c r="J36" s="19">
        <v>72</v>
      </c>
      <c r="K36" s="19">
        <v>79</v>
      </c>
    </row>
    <row r="37" spans="1:11" ht="15" customHeight="1">
      <c r="A37" s="17" t="s">
        <v>71</v>
      </c>
      <c r="B37" s="17"/>
      <c r="C37" s="13">
        <v>27</v>
      </c>
      <c r="D37" s="19">
        <v>16</v>
      </c>
      <c r="E37" s="19">
        <v>11</v>
      </c>
      <c r="F37" s="19"/>
      <c r="G37" s="18" t="s">
        <v>72</v>
      </c>
      <c r="H37" s="17"/>
      <c r="I37" s="13">
        <v>139</v>
      </c>
      <c r="J37" s="19">
        <v>58</v>
      </c>
      <c r="K37" s="19">
        <v>81</v>
      </c>
    </row>
    <row r="38" spans="1:11" ht="15" customHeight="1">
      <c r="A38" s="17" t="s">
        <v>73</v>
      </c>
      <c r="B38" s="17"/>
      <c r="C38" s="13">
        <v>42</v>
      </c>
      <c r="D38" s="19">
        <v>18</v>
      </c>
      <c r="E38" s="19">
        <v>24</v>
      </c>
      <c r="F38" s="19"/>
      <c r="G38" s="18" t="s">
        <v>74</v>
      </c>
      <c r="H38" s="17"/>
      <c r="I38" s="13">
        <v>108</v>
      </c>
      <c r="J38" s="19">
        <v>51</v>
      </c>
      <c r="K38" s="19">
        <v>57</v>
      </c>
    </row>
    <row r="39" spans="1:11" ht="15" customHeight="1">
      <c r="A39" s="17" t="s">
        <v>75</v>
      </c>
      <c r="B39" s="17"/>
      <c r="C39" s="13">
        <v>28</v>
      </c>
      <c r="D39" s="19">
        <v>18</v>
      </c>
      <c r="E39" s="19">
        <v>10</v>
      </c>
      <c r="F39" s="19"/>
      <c r="G39" s="18" t="s">
        <v>76</v>
      </c>
      <c r="H39" s="17"/>
      <c r="I39" s="13">
        <v>134</v>
      </c>
      <c r="J39" s="19">
        <v>70</v>
      </c>
      <c r="K39" s="19">
        <v>64</v>
      </c>
    </row>
    <row r="40" spans="1:11" ht="15" customHeight="1">
      <c r="A40" s="17" t="s">
        <v>77</v>
      </c>
      <c r="B40" s="17"/>
      <c r="C40" s="13">
        <v>40</v>
      </c>
      <c r="D40" s="19">
        <v>20</v>
      </c>
      <c r="E40" s="19">
        <v>20</v>
      </c>
      <c r="F40" s="19"/>
      <c r="G40" s="18" t="s">
        <v>78</v>
      </c>
      <c r="H40" s="17"/>
      <c r="I40" s="13">
        <v>132</v>
      </c>
      <c r="J40" s="19">
        <v>51</v>
      </c>
      <c r="K40" s="19">
        <v>81</v>
      </c>
    </row>
    <row r="41" spans="1:11" ht="20.100000000000001" customHeight="1">
      <c r="A41" s="17" t="s">
        <v>79</v>
      </c>
      <c r="B41" s="17"/>
      <c r="C41" s="13">
        <v>201</v>
      </c>
      <c r="D41" s="14">
        <v>86</v>
      </c>
      <c r="E41" s="14">
        <v>115</v>
      </c>
      <c r="F41" s="14"/>
      <c r="G41" s="18" t="s">
        <v>80</v>
      </c>
      <c r="H41" s="17"/>
      <c r="I41" s="13">
        <v>424</v>
      </c>
      <c r="J41" s="14">
        <v>167</v>
      </c>
      <c r="K41" s="14">
        <v>257</v>
      </c>
    </row>
    <row r="42" spans="1:11" ht="15" customHeight="1">
      <c r="A42" s="17" t="s">
        <v>81</v>
      </c>
      <c r="B42" s="17"/>
      <c r="C42" s="13">
        <v>29</v>
      </c>
      <c r="D42" s="19">
        <v>13</v>
      </c>
      <c r="E42" s="19">
        <v>16</v>
      </c>
      <c r="F42" s="19"/>
      <c r="G42" s="18" t="s">
        <v>82</v>
      </c>
      <c r="H42" s="17"/>
      <c r="I42" s="13">
        <v>83</v>
      </c>
      <c r="J42" s="19">
        <v>33</v>
      </c>
      <c r="K42" s="19">
        <v>50</v>
      </c>
    </row>
    <row r="43" spans="1:11" ht="15" customHeight="1">
      <c r="A43" s="17" t="s">
        <v>83</v>
      </c>
      <c r="B43" s="17"/>
      <c r="C43" s="13">
        <v>45</v>
      </c>
      <c r="D43" s="19">
        <v>25</v>
      </c>
      <c r="E43" s="19">
        <v>20</v>
      </c>
      <c r="F43" s="19"/>
      <c r="G43" s="18" t="s">
        <v>84</v>
      </c>
      <c r="H43" s="17"/>
      <c r="I43" s="13">
        <v>93</v>
      </c>
      <c r="J43" s="19">
        <v>43</v>
      </c>
      <c r="K43" s="19">
        <v>50</v>
      </c>
    </row>
    <row r="44" spans="1:11" ht="15" customHeight="1">
      <c r="A44" s="17" t="s">
        <v>85</v>
      </c>
      <c r="B44" s="17"/>
      <c r="C44" s="13">
        <v>48</v>
      </c>
      <c r="D44" s="19">
        <v>19</v>
      </c>
      <c r="E44" s="19">
        <v>29</v>
      </c>
      <c r="F44" s="19"/>
      <c r="G44" s="18" t="s">
        <v>86</v>
      </c>
      <c r="H44" s="17"/>
      <c r="I44" s="13">
        <v>88</v>
      </c>
      <c r="J44" s="19">
        <v>34</v>
      </c>
      <c r="K44" s="19">
        <v>54</v>
      </c>
    </row>
    <row r="45" spans="1:11" ht="15" customHeight="1">
      <c r="A45" s="17" t="s">
        <v>87</v>
      </c>
      <c r="B45" s="17"/>
      <c r="C45" s="13">
        <v>36</v>
      </c>
      <c r="D45" s="19">
        <v>11</v>
      </c>
      <c r="E45" s="19">
        <v>25</v>
      </c>
      <c r="F45" s="19"/>
      <c r="G45" s="18" t="s">
        <v>88</v>
      </c>
      <c r="H45" s="17"/>
      <c r="I45" s="13">
        <v>93</v>
      </c>
      <c r="J45" s="19">
        <v>33</v>
      </c>
      <c r="K45" s="19">
        <v>60</v>
      </c>
    </row>
    <row r="46" spans="1:11" ht="15" customHeight="1">
      <c r="A46" s="17" t="s">
        <v>89</v>
      </c>
      <c r="B46" s="17"/>
      <c r="C46" s="13">
        <v>43</v>
      </c>
      <c r="D46" s="19">
        <v>18</v>
      </c>
      <c r="E46" s="19">
        <v>25</v>
      </c>
      <c r="F46" s="19"/>
      <c r="G46" s="18" t="s">
        <v>90</v>
      </c>
      <c r="H46" s="17"/>
      <c r="I46" s="13">
        <v>67</v>
      </c>
      <c r="J46" s="19">
        <v>24</v>
      </c>
      <c r="K46" s="19">
        <v>43</v>
      </c>
    </row>
    <row r="47" spans="1:11" ht="20.100000000000001" customHeight="1">
      <c r="A47" s="17" t="s">
        <v>91</v>
      </c>
      <c r="B47" s="17"/>
      <c r="C47" s="13">
        <v>251</v>
      </c>
      <c r="D47" s="14">
        <v>145</v>
      </c>
      <c r="E47" s="14">
        <v>106</v>
      </c>
      <c r="F47" s="14"/>
      <c r="G47" s="18" t="s">
        <v>92</v>
      </c>
      <c r="H47" s="17"/>
      <c r="I47" s="13">
        <v>297</v>
      </c>
      <c r="J47" s="14">
        <v>106</v>
      </c>
      <c r="K47" s="14">
        <v>191</v>
      </c>
    </row>
    <row r="48" spans="1:11" ht="15" customHeight="1">
      <c r="A48" s="17" t="s">
        <v>93</v>
      </c>
      <c r="B48" s="17"/>
      <c r="C48" s="13">
        <v>57</v>
      </c>
      <c r="D48" s="19">
        <v>34</v>
      </c>
      <c r="E48" s="19">
        <v>23</v>
      </c>
      <c r="F48" s="19"/>
      <c r="G48" s="18" t="s">
        <v>94</v>
      </c>
      <c r="H48" s="17"/>
      <c r="I48" s="13">
        <v>82</v>
      </c>
      <c r="J48" s="19">
        <v>29</v>
      </c>
      <c r="K48" s="19">
        <v>53</v>
      </c>
    </row>
    <row r="49" spans="1:11" ht="15" customHeight="1">
      <c r="A49" s="17" t="s">
        <v>95</v>
      </c>
      <c r="B49" s="17"/>
      <c r="C49" s="13">
        <v>40</v>
      </c>
      <c r="D49" s="19">
        <v>28</v>
      </c>
      <c r="E49" s="19">
        <v>12</v>
      </c>
      <c r="F49" s="19"/>
      <c r="G49" s="18" t="s">
        <v>96</v>
      </c>
      <c r="H49" s="17"/>
      <c r="I49" s="13">
        <v>63</v>
      </c>
      <c r="J49" s="19">
        <v>28</v>
      </c>
      <c r="K49" s="19">
        <v>35</v>
      </c>
    </row>
    <row r="50" spans="1:11" ht="15" customHeight="1">
      <c r="A50" s="17" t="s">
        <v>97</v>
      </c>
      <c r="B50" s="17"/>
      <c r="C50" s="13">
        <v>54</v>
      </c>
      <c r="D50" s="19">
        <v>24</v>
      </c>
      <c r="E50" s="19">
        <v>30</v>
      </c>
      <c r="F50" s="19"/>
      <c r="G50" s="18" t="s">
        <v>98</v>
      </c>
      <c r="H50" s="17"/>
      <c r="I50" s="13">
        <v>49</v>
      </c>
      <c r="J50" s="19">
        <v>18</v>
      </c>
      <c r="K50" s="19">
        <v>31</v>
      </c>
    </row>
    <row r="51" spans="1:11" ht="15" customHeight="1">
      <c r="A51" s="17" t="s">
        <v>99</v>
      </c>
      <c r="B51" s="17"/>
      <c r="C51" s="13">
        <v>56</v>
      </c>
      <c r="D51" s="19">
        <v>34</v>
      </c>
      <c r="E51" s="19">
        <v>22</v>
      </c>
      <c r="F51" s="19"/>
      <c r="G51" s="18" t="s">
        <v>100</v>
      </c>
      <c r="H51" s="17"/>
      <c r="I51" s="13">
        <v>62</v>
      </c>
      <c r="J51" s="19">
        <v>19</v>
      </c>
      <c r="K51" s="19">
        <v>43</v>
      </c>
    </row>
    <row r="52" spans="1:11" ht="15" customHeight="1">
      <c r="A52" s="17" t="s">
        <v>101</v>
      </c>
      <c r="B52" s="17"/>
      <c r="C52" s="13">
        <v>44</v>
      </c>
      <c r="D52" s="19">
        <v>25</v>
      </c>
      <c r="E52" s="19">
        <v>19</v>
      </c>
      <c r="F52" s="19"/>
      <c r="G52" s="18" t="s">
        <v>102</v>
      </c>
      <c r="H52" s="17"/>
      <c r="I52" s="13">
        <v>41</v>
      </c>
      <c r="J52" s="19">
        <v>12</v>
      </c>
      <c r="K52" s="19">
        <v>29</v>
      </c>
    </row>
    <row r="53" spans="1:11" ht="20.100000000000001" customHeight="1">
      <c r="A53" s="17" t="s">
        <v>103</v>
      </c>
      <c r="B53" s="17"/>
      <c r="C53" s="13">
        <v>289</v>
      </c>
      <c r="D53" s="14">
        <v>136</v>
      </c>
      <c r="E53" s="14">
        <v>153</v>
      </c>
      <c r="F53" s="14"/>
      <c r="G53" s="18" t="s">
        <v>104</v>
      </c>
      <c r="H53" s="17"/>
      <c r="I53" s="13">
        <v>102</v>
      </c>
      <c r="J53" s="14">
        <v>30</v>
      </c>
      <c r="K53" s="14">
        <v>72</v>
      </c>
    </row>
    <row r="54" spans="1:11" ht="15" customHeight="1">
      <c r="A54" s="17" t="s">
        <v>105</v>
      </c>
      <c r="B54" s="17"/>
      <c r="C54" s="13">
        <v>43</v>
      </c>
      <c r="D54" s="19">
        <v>19</v>
      </c>
      <c r="E54" s="19">
        <v>24</v>
      </c>
      <c r="F54" s="19"/>
      <c r="G54" s="18" t="s">
        <v>106</v>
      </c>
      <c r="H54" s="17"/>
      <c r="I54" s="13">
        <v>22</v>
      </c>
      <c r="J54" s="19">
        <v>9</v>
      </c>
      <c r="K54" s="19">
        <v>13</v>
      </c>
    </row>
    <row r="55" spans="1:11" ht="15" customHeight="1">
      <c r="A55" s="17" t="s">
        <v>107</v>
      </c>
      <c r="B55" s="17"/>
      <c r="C55" s="13">
        <v>53</v>
      </c>
      <c r="D55" s="19">
        <v>25</v>
      </c>
      <c r="E55" s="19">
        <v>28</v>
      </c>
      <c r="F55" s="19"/>
      <c r="G55" s="18" t="s">
        <v>108</v>
      </c>
      <c r="H55" s="17"/>
      <c r="I55" s="13">
        <v>32</v>
      </c>
      <c r="J55" s="19">
        <v>6</v>
      </c>
      <c r="K55" s="19">
        <v>26</v>
      </c>
    </row>
    <row r="56" spans="1:11" ht="15" customHeight="1">
      <c r="A56" s="17" t="s">
        <v>109</v>
      </c>
      <c r="B56" s="17"/>
      <c r="C56" s="13">
        <v>62</v>
      </c>
      <c r="D56" s="19">
        <v>30</v>
      </c>
      <c r="E56" s="19">
        <v>32</v>
      </c>
      <c r="F56" s="19"/>
      <c r="G56" s="18" t="s">
        <v>110</v>
      </c>
      <c r="H56" s="17"/>
      <c r="I56" s="13">
        <v>24</v>
      </c>
      <c r="J56" s="19">
        <v>9</v>
      </c>
      <c r="K56" s="19">
        <v>15</v>
      </c>
    </row>
    <row r="57" spans="1:11" ht="15" customHeight="1">
      <c r="A57" s="17" t="s">
        <v>111</v>
      </c>
      <c r="B57" s="17"/>
      <c r="C57" s="13">
        <v>74</v>
      </c>
      <c r="D57" s="19">
        <v>30</v>
      </c>
      <c r="E57" s="19">
        <v>44</v>
      </c>
      <c r="F57" s="19"/>
      <c r="G57" s="18" t="s">
        <v>112</v>
      </c>
      <c r="H57" s="17"/>
      <c r="I57" s="13">
        <v>13</v>
      </c>
      <c r="J57" s="19">
        <v>4</v>
      </c>
      <c r="K57" s="19">
        <v>9</v>
      </c>
    </row>
    <row r="58" spans="1:11" ht="15" customHeight="1">
      <c r="A58" s="17" t="s">
        <v>113</v>
      </c>
      <c r="B58" s="17"/>
      <c r="C58" s="13">
        <v>57</v>
      </c>
      <c r="D58" s="19">
        <v>32</v>
      </c>
      <c r="E58" s="19">
        <v>25</v>
      </c>
      <c r="F58" s="19"/>
      <c r="G58" s="18" t="s">
        <v>114</v>
      </c>
      <c r="H58" s="17"/>
      <c r="I58" s="13">
        <v>11</v>
      </c>
      <c r="J58" s="19">
        <v>2</v>
      </c>
      <c r="K58" s="19">
        <v>9</v>
      </c>
    </row>
    <row r="59" spans="1:11" ht="20.100000000000001" customHeight="1">
      <c r="A59" s="17" t="s">
        <v>115</v>
      </c>
      <c r="B59" s="17"/>
      <c r="C59" s="13">
        <v>445</v>
      </c>
      <c r="D59" s="14">
        <v>229</v>
      </c>
      <c r="E59" s="14">
        <v>216</v>
      </c>
      <c r="F59" s="14"/>
      <c r="G59" s="18" t="s">
        <v>116</v>
      </c>
      <c r="H59" s="17"/>
      <c r="I59" s="13">
        <v>30</v>
      </c>
      <c r="J59" s="14">
        <v>3</v>
      </c>
      <c r="K59" s="14">
        <v>27</v>
      </c>
    </row>
    <row r="60" spans="1:11" ht="15" customHeight="1">
      <c r="A60" s="17" t="s">
        <v>117</v>
      </c>
      <c r="B60" s="17"/>
      <c r="C60" s="13">
        <v>81</v>
      </c>
      <c r="D60" s="19">
        <v>42</v>
      </c>
      <c r="E60" s="19">
        <v>39</v>
      </c>
      <c r="F60" s="19"/>
      <c r="G60" s="18" t="s">
        <v>118</v>
      </c>
      <c r="H60" s="17"/>
      <c r="I60" s="13">
        <v>13</v>
      </c>
      <c r="J60" s="19">
        <v>0</v>
      </c>
      <c r="K60" s="19">
        <v>13</v>
      </c>
    </row>
    <row r="61" spans="1:11" ht="15" customHeight="1">
      <c r="A61" s="17" t="s">
        <v>119</v>
      </c>
      <c r="B61" s="17"/>
      <c r="C61" s="13">
        <v>101</v>
      </c>
      <c r="D61" s="19">
        <v>56</v>
      </c>
      <c r="E61" s="19">
        <v>45</v>
      </c>
      <c r="F61" s="19"/>
      <c r="G61" s="18" t="s">
        <v>120</v>
      </c>
      <c r="H61" s="17"/>
      <c r="I61" s="13">
        <v>8</v>
      </c>
      <c r="J61" s="19">
        <v>1</v>
      </c>
      <c r="K61" s="19">
        <v>7</v>
      </c>
    </row>
    <row r="62" spans="1:11" ht="15" customHeight="1">
      <c r="A62" s="17" t="s">
        <v>121</v>
      </c>
      <c r="B62" s="17"/>
      <c r="C62" s="13">
        <v>88</v>
      </c>
      <c r="D62" s="19">
        <v>47</v>
      </c>
      <c r="E62" s="19">
        <v>41</v>
      </c>
      <c r="F62" s="19"/>
      <c r="G62" s="18" t="s">
        <v>122</v>
      </c>
      <c r="H62" s="17"/>
      <c r="I62" s="13">
        <v>1</v>
      </c>
      <c r="J62" s="19">
        <v>1</v>
      </c>
      <c r="K62" s="19">
        <v>0</v>
      </c>
    </row>
    <row r="63" spans="1:11" ht="15" customHeight="1">
      <c r="A63" s="17" t="s">
        <v>123</v>
      </c>
      <c r="B63" s="17"/>
      <c r="C63" s="13">
        <v>90</v>
      </c>
      <c r="D63" s="19">
        <v>41</v>
      </c>
      <c r="E63" s="19">
        <v>49</v>
      </c>
      <c r="F63" s="19"/>
      <c r="G63" s="18" t="s">
        <v>124</v>
      </c>
      <c r="H63" s="17"/>
      <c r="I63" s="13">
        <v>7</v>
      </c>
      <c r="J63" s="19">
        <v>0</v>
      </c>
      <c r="K63" s="19">
        <v>7</v>
      </c>
    </row>
    <row r="64" spans="1:11" ht="15" customHeight="1">
      <c r="A64" s="17" t="s">
        <v>125</v>
      </c>
      <c r="B64" s="17"/>
      <c r="C64" s="13">
        <v>85</v>
      </c>
      <c r="D64" s="19">
        <v>43</v>
      </c>
      <c r="E64" s="19">
        <v>42</v>
      </c>
      <c r="F64" s="19"/>
      <c r="G64" s="18" t="s">
        <v>126</v>
      </c>
      <c r="H64" s="17"/>
      <c r="I64" s="13">
        <v>1</v>
      </c>
      <c r="J64" s="19">
        <v>1</v>
      </c>
      <c r="K64" s="19">
        <v>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</v>
      </c>
      <c r="J66" s="29">
        <v>0</v>
      </c>
      <c r="K66" s="29">
        <v>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5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3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9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721</v>
      </c>
      <c r="D4" s="14">
        <v>11017</v>
      </c>
      <c r="E4" s="14">
        <v>1270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53</v>
      </c>
      <c r="D5" s="14">
        <v>255</v>
      </c>
      <c r="E5" s="14">
        <v>198</v>
      </c>
      <c r="F5" s="14"/>
      <c r="G5" s="18" t="s">
        <v>8</v>
      </c>
      <c r="H5" s="17"/>
      <c r="I5" s="13">
        <v>1642</v>
      </c>
      <c r="J5" s="14">
        <v>799</v>
      </c>
      <c r="K5" s="14">
        <v>843</v>
      </c>
    </row>
    <row r="6" spans="1:11" ht="15" customHeight="1">
      <c r="A6" s="17" t="s">
        <v>9</v>
      </c>
      <c r="B6" s="17"/>
      <c r="C6" s="13">
        <v>85</v>
      </c>
      <c r="D6" s="19">
        <v>47</v>
      </c>
      <c r="E6" s="19">
        <v>38</v>
      </c>
      <c r="F6" s="19"/>
      <c r="G6" s="18" t="s">
        <v>10</v>
      </c>
      <c r="H6" s="17"/>
      <c r="I6" s="13">
        <v>363</v>
      </c>
      <c r="J6" s="19">
        <v>175</v>
      </c>
      <c r="K6" s="19">
        <v>188</v>
      </c>
    </row>
    <row r="7" spans="1:11" ht="15" customHeight="1">
      <c r="A7" s="17" t="s">
        <v>11</v>
      </c>
      <c r="B7" s="17"/>
      <c r="C7" s="13">
        <v>87</v>
      </c>
      <c r="D7" s="19">
        <v>47</v>
      </c>
      <c r="E7" s="19">
        <v>40</v>
      </c>
      <c r="F7" s="19"/>
      <c r="G7" s="18" t="s">
        <v>12</v>
      </c>
      <c r="H7" s="17"/>
      <c r="I7" s="13">
        <v>306</v>
      </c>
      <c r="J7" s="19">
        <v>150</v>
      </c>
      <c r="K7" s="19">
        <v>156</v>
      </c>
    </row>
    <row r="8" spans="1:11" ht="15" customHeight="1">
      <c r="A8" s="17" t="s">
        <v>13</v>
      </c>
      <c r="B8" s="17"/>
      <c r="C8" s="13">
        <v>82</v>
      </c>
      <c r="D8" s="19">
        <v>43</v>
      </c>
      <c r="E8" s="19">
        <v>39</v>
      </c>
      <c r="F8" s="19"/>
      <c r="G8" s="18" t="s">
        <v>14</v>
      </c>
      <c r="H8" s="17"/>
      <c r="I8" s="13">
        <v>345</v>
      </c>
      <c r="J8" s="19">
        <v>161</v>
      </c>
      <c r="K8" s="19">
        <v>184</v>
      </c>
    </row>
    <row r="9" spans="1:11" ht="15" customHeight="1">
      <c r="A9" s="17" t="s">
        <v>15</v>
      </c>
      <c r="B9" s="17"/>
      <c r="C9" s="13">
        <v>86</v>
      </c>
      <c r="D9" s="19">
        <v>49</v>
      </c>
      <c r="E9" s="19">
        <v>37</v>
      </c>
      <c r="F9" s="19"/>
      <c r="G9" s="18" t="s">
        <v>16</v>
      </c>
      <c r="H9" s="17"/>
      <c r="I9" s="13">
        <v>252</v>
      </c>
      <c r="J9" s="19">
        <v>122</v>
      </c>
      <c r="K9" s="19">
        <v>130</v>
      </c>
    </row>
    <row r="10" spans="1:11" ht="15" customHeight="1">
      <c r="A10" s="17" t="s">
        <v>17</v>
      </c>
      <c r="B10" s="17"/>
      <c r="C10" s="13">
        <v>113</v>
      </c>
      <c r="D10" s="19">
        <v>69</v>
      </c>
      <c r="E10" s="19">
        <v>44</v>
      </c>
      <c r="F10" s="19"/>
      <c r="G10" s="18" t="s">
        <v>18</v>
      </c>
      <c r="H10" s="17"/>
      <c r="I10" s="13">
        <v>376</v>
      </c>
      <c r="J10" s="19">
        <v>191</v>
      </c>
      <c r="K10" s="19">
        <v>185</v>
      </c>
    </row>
    <row r="11" spans="1:11" ht="20.100000000000001" customHeight="1">
      <c r="A11" s="17" t="s">
        <v>19</v>
      </c>
      <c r="B11" s="17"/>
      <c r="C11" s="13">
        <v>625</v>
      </c>
      <c r="D11" s="14">
        <v>320</v>
      </c>
      <c r="E11" s="14">
        <v>305</v>
      </c>
      <c r="F11" s="14"/>
      <c r="G11" s="18" t="s">
        <v>20</v>
      </c>
      <c r="H11" s="17"/>
      <c r="I11" s="13">
        <v>1534</v>
      </c>
      <c r="J11" s="14">
        <v>790</v>
      </c>
      <c r="K11" s="14">
        <v>744</v>
      </c>
    </row>
    <row r="12" spans="1:11" ht="15" customHeight="1">
      <c r="A12" s="17" t="s">
        <v>21</v>
      </c>
      <c r="B12" s="17"/>
      <c r="C12" s="13">
        <v>87</v>
      </c>
      <c r="D12" s="19">
        <v>47</v>
      </c>
      <c r="E12" s="19">
        <v>40</v>
      </c>
      <c r="F12" s="19"/>
      <c r="G12" s="18" t="s">
        <v>22</v>
      </c>
      <c r="H12" s="17"/>
      <c r="I12" s="13">
        <v>303</v>
      </c>
      <c r="J12" s="19">
        <v>173</v>
      </c>
      <c r="K12" s="19">
        <v>130</v>
      </c>
    </row>
    <row r="13" spans="1:11" ht="15" customHeight="1">
      <c r="A13" s="17" t="s">
        <v>23</v>
      </c>
      <c r="B13" s="17"/>
      <c r="C13" s="13">
        <v>106</v>
      </c>
      <c r="D13" s="19">
        <v>62</v>
      </c>
      <c r="E13" s="19">
        <v>44</v>
      </c>
      <c r="F13" s="19"/>
      <c r="G13" s="18" t="s">
        <v>24</v>
      </c>
      <c r="H13" s="17"/>
      <c r="I13" s="13">
        <v>337</v>
      </c>
      <c r="J13" s="19">
        <v>167</v>
      </c>
      <c r="K13" s="19">
        <v>170</v>
      </c>
    </row>
    <row r="14" spans="1:11" ht="15" customHeight="1">
      <c r="A14" s="17" t="s">
        <v>25</v>
      </c>
      <c r="B14" s="17"/>
      <c r="C14" s="13">
        <v>133</v>
      </c>
      <c r="D14" s="19">
        <v>63</v>
      </c>
      <c r="E14" s="19">
        <v>70</v>
      </c>
      <c r="F14" s="19"/>
      <c r="G14" s="18" t="s">
        <v>26</v>
      </c>
      <c r="H14" s="17"/>
      <c r="I14" s="13">
        <v>317</v>
      </c>
      <c r="J14" s="19">
        <v>160</v>
      </c>
      <c r="K14" s="19">
        <v>157</v>
      </c>
    </row>
    <row r="15" spans="1:11" ht="15" customHeight="1">
      <c r="A15" s="17" t="s">
        <v>27</v>
      </c>
      <c r="B15" s="17"/>
      <c r="C15" s="13">
        <v>144</v>
      </c>
      <c r="D15" s="19">
        <v>75</v>
      </c>
      <c r="E15" s="19">
        <v>69</v>
      </c>
      <c r="F15" s="19"/>
      <c r="G15" s="18" t="s">
        <v>28</v>
      </c>
      <c r="H15" s="17"/>
      <c r="I15" s="13">
        <v>306</v>
      </c>
      <c r="J15" s="19">
        <v>148</v>
      </c>
      <c r="K15" s="19">
        <v>158</v>
      </c>
    </row>
    <row r="16" spans="1:11" ht="15" customHeight="1">
      <c r="A16" s="17" t="s">
        <v>29</v>
      </c>
      <c r="B16" s="17"/>
      <c r="C16" s="13">
        <v>155</v>
      </c>
      <c r="D16" s="19">
        <v>73</v>
      </c>
      <c r="E16" s="19">
        <v>82</v>
      </c>
      <c r="F16" s="19"/>
      <c r="G16" s="18" t="s">
        <v>30</v>
      </c>
      <c r="H16" s="17"/>
      <c r="I16" s="13">
        <v>271</v>
      </c>
      <c r="J16" s="19">
        <v>142</v>
      </c>
      <c r="K16" s="19">
        <v>129</v>
      </c>
    </row>
    <row r="17" spans="1:11" ht="20.100000000000001" customHeight="1">
      <c r="A17" s="20" t="s">
        <v>31</v>
      </c>
      <c r="B17" s="20"/>
      <c r="C17" s="13">
        <v>749</v>
      </c>
      <c r="D17" s="14">
        <v>393</v>
      </c>
      <c r="E17" s="14">
        <v>356</v>
      </c>
      <c r="F17" s="14"/>
      <c r="G17" s="18" t="s">
        <v>32</v>
      </c>
      <c r="H17" s="17"/>
      <c r="I17" s="13">
        <v>1706</v>
      </c>
      <c r="J17" s="14">
        <v>850</v>
      </c>
      <c r="K17" s="14">
        <v>856</v>
      </c>
    </row>
    <row r="18" spans="1:11" ht="15" customHeight="1">
      <c r="A18" s="17" t="s">
        <v>33</v>
      </c>
      <c r="B18" s="17"/>
      <c r="C18" s="13">
        <v>133</v>
      </c>
      <c r="D18" s="19">
        <v>72</v>
      </c>
      <c r="E18" s="19">
        <v>61</v>
      </c>
      <c r="F18" s="19"/>
      <c r="G18" s="18" t="s">
        <v>34</v>
      </c>
      <c r="H18" s="17"/>
      <c r="I18" s="13">
        <v>364</v>
      </c>
      <c r="J18" s="19">
        <v>176</v>
      </c>
      <c r="K18" s="19">
        <v>188</v>
      </c>
    </row>
    <row r="19" spans="1:11" ht="15" customHeight="1">
      <c r="A19" s="17" t="s">
        <v>35</v>
      </c>
      <c r="B19" s="17"/>
      <c r="C19" s="13">
        <v>159</v>
      </c>
      <c r="D19" s="19">
        <v>77</v>
      </c>
      <c r="E19" s="19">
        <v>82</v>
      </c>
      <c r="F19" s="19"/>
      <c r="G19" s="18" t="s">
        <v>36</v>
      </c>
      <c r="H19" s="17"/>
      <c r="I19" s="13">
        <v>379</v>
      </c>
      <c r="J19" s="19">
        <v>204</v>
      </c>
      <c r="K19" s="19">
        <v>175</v>
      </c>
    </row>
    <row r="20" spans="1:11" ht="15" customHeight="1">
      <c r="A20" s="17" t="s">
        <v>37</v>
      </c>
      <c r="B20" s="17"/>
      <c r="C20" s="13">
        <v>157</v>
      </c>
      <c r="D20" s="19">
        <v>73</v>
      </c>
      <c r="E20" s="19">
        <v>84</v>
      </c>
      <c r="F20" s="19"/>
      <c r="G20" s="18" t="s">
        <v>38</v>
      </c>
      <c r="H20" s="17"/>
      <c r="I20" s="13">
        <v>293</v>
      </c>
      <c r="J20" s="19">
        <v>142</v>
      </c>
      <c r="K20" s="19">
        <v>151</v>
      </c>
    </row>
    <row r="21" spans="1:11" ht="15" customHeight="1">
      <c r="A21" s="17" t="s">
        <v>39</v>
      </c>
      <c r="B21" s="17"/>
      <c r="C21" s="13">
        <v>155</v>
      </c>
      <c r="D21" s="19">
        <v>91</v>
      </c>
      <c r="E21" s="19">
        <v>64</v>
      </c>
      <c r="F21" s="19"/>
      <c r="G21" s="18" t="s">
        <v>40</v>
      </c>
      <c r="H21" s="17"/>
      <c r="I21" s="13">
        <v>299</v>
      </c>
      <c r="J21" s="19">
        <v>149</v>
      </c>
      <c r="K21" s="19">
        <v>150</v>
      </c>
    </row>
    <row r="22" spans="1:11" ht="15" customHeight="1">
      <c r="A22" s="17" t="s">
        <v>41</v>
      </c>
      <c r="B22" s="17"/>
      <c r="C22" s="13">
        <v>145</v>
      </c>
      <c r="D22" s="19">
        <v>80</v>
      </c>
      <c r="E22" s="19">
        <v>65</v>
      </c>
      <c r="F22" s="19"/>
      <c r="G22" s="18" t="s">
        <v>42</v>
      </c>
      <c r="H22" s="17"/>
      <c r="I22" s="13">
        <v>371</v>
      </c>
      <c r="J22" s="19">
        <v>179</v>
      </c>
      <c r="K22" s="19">
        <v>192</v>
      </c>
    </row>
    <row r="23" spans="1:11" ht="20.100000000000001" customHeight="1">
      <c r="A23" s="17" t="s">
        <v>43</v>
      </c>
      <c r="B23" s="17"/>
      <c r="C23" s="13">
        <v>917</v>
      </c>
      <c r="D23" s="14">
        <v>457</v>
      </c>
      <c r="E23" s="14">
        <v>460</v>
      </c>
      <c r="F23" s="14"/>
      <c r="G23" s="18" t="s">
        <v>44</v>
      </c>
      <c r="H23" s="17"/>
      <c r="I23" s="13">
        <v>2031</v>
      </c>
      <c r="J23" s="14">
        <v>928</v>
      </c>
      <c r="K23" s="14">
        <v>1103</v>
      </c>
    </row>
    <row r="24" spans="1:11" ht="15" customHeight="1">
      <c r="A24" s="17" t="s">
        <v>45</v>
      </c>
      <c r="B24" s="17"/>
      <c r="C24" s="13">
        <v>172</v>
      </c>
      <c r="D24" s="19">
        <v>96</v>
      </c>
      <c r="E24" s="19">
        <v>76</v>
      </c>
      <c r="F24" s="19"/>
      <c r="G24" s="18" t="s">
        <v>46</v>
      </c>
      <c r="H24" s="17"/>
      <c r="I24" s="13">
        <v>354</v>
      </c>
      <c r="J24" s="19">
        <v>161</v>
      </c>
      <c r="K24" s="19">
        <v>193</v>
      </c>
    </row>
    <row r="25" spans="1:11" ht="15" customHeight="1">
      <c r="A25" s="17" t="s">
        <v>47</v>
      </c>
      <c r="B25" s="17"/>
      <c r="C25" s="13">
        <v>176</v>
      </c>
      <c r="D25" s="19">
        <v>82</v>
      </c>
      <c r="E25" s="19">
        <v>94</v>
      </c>
      <c r="F25" s="19"/>
      <c r="G25" s="18" t="s">
        <v>48</v>
      </c>
      <c r="H25" s="17"/>
      <c r="I25" s="13">
        <v>358</v>
      </c>
      <c r="J25" s="19">
        <v>163</v>
      </c>
      <c r="K25" s="19">
        <v>195</v>
      </c>
    </row>
    <row r="26" spans="1:11" ht="15" customHeight="1">
      <c r="A26" s="17" t="s">
        <v>49</v>
      </c>
      <c r="B26" s="17"/>
      <c r="C26" s="13">
        <v>180</v>
      </c>
      <c r="D26" s="19">
        <v>94</v>
      </c>
      <c r="E26" s="19">
        <v>86</v>
      </c>
      <c r="F26" s="19"/>
      <c r="G26" s="18" t="s">
        <v>50</v>
      </c>
      <c r="H26" s="17"/>
      <c r="I26" s="13">
        <v>422</v>
      </c>
      <c r="J26" s="19">
        <v>178</v>
      </c>
      <c r="K26" s="19">
        <v>244</v>
      </c>
    </row>
    <row r="27" spans="1:11" ht="15" customHeight="1">
      <c r="A27" s="17" t="s">
        <v>51</v>
      </c>
      <c r="B27" s="17"/>
      <c r="C27" s="13">
        <v>202</v>
      </c>
      <c r="D27" s="19">
        <v>103</v>
      </c>
      <c r="E27" s="19">
        <v>99</v>
      </c>
      <c r="F27" s="19"/>
      <c r="G27" s="18" t="s">
        <v>52</v>
      </c>
      <c r="H27" s="17"/>
      <c r="I27" s="13">
        <v>437</v>
      </c>
      <c r="J27" s="19">
        <v>188</v>
      </c>
      <c r="K27" s="19">
        <v>249</v>
      </c>
    </row>
    <row r="28" spans="1:11" ht="15" customHeight="1">
      <c r="A28" s="17" t="s">
        <v>53</v>
      </c>
      <c r="B28" s="17"/>
      <c r="C28" s="13">
        <v>187</v>
      </c>
      <c r="D28" s="19">
        <v>82</v>
      </c>
      <c r="E28" s="19">
        <v>105</v>
      </c>
      <c r="F28" s="19"/>
      <c r="G28" s="18" t="s">
        <v>54</v>
      </c>
      <c r="H28" s="17"/>
      <c r="I28" s="13">
        <v>460</v>
      </c>
      <c r="J28" s="19">
        <v>238</v>
      </c>
      <c r="K28" s="19">
        <v>222</v>
      </c>
    </row>
    <row r="29" spans="1:11" ht="20.100000000000001" customHeight="1">
      <c r="A29" s="17" t="s">
        <v>55</v>
      </c>
      <c r="B29" s="17"/>
      <c r="C29" s="13">
        <v>869</v>
      </c>
      <c r="D29" s="14">
        <v>432</v>
      </c>
      <c r="E29" s="14">
        <v>437</v>
      </c>
      <c r="F29" s="14"/>
      <c r="G29" s="18" t="s">
        <v>56</v>
      </c>
      <c r="H29" s="17"/>
      <c r="I29" s="13">
        <v>2371</v>
      </c>
      <c r="J29" s="14">
        <v>1044</v>
      </c>
      <c r="K29" s="14">
        <v>1327</v>
      </c>
    </row>
    <row r="30" spans="1:11" ht="15" customHeight="1">
      <c r="A30" s="17" t="s">
        <v>57</v>
      </c>
      <c r="B30" s="17"/>
      <c r="C30" s="13">
        <v>200</v>
      </c>
      <c r="D30" s="19">
        <v>102</v>
      </c>
      <c r="E30" s="19">
        <v>98</v>
      </c>
      <c r="F30" s="19"/>
      <c r="G30" s="18" t="s">
        <v>58</v>
      </c>
      <c r="H30" s="17"/>
      <c r="I30" s="13">
        <v>559</v>
      </c>
      <c r="J30" s="19">
        <v>257</v>
      </c>
      <c r="K30" s="19">
        <v>302</v>
      </c>
    </row>
    <row r="31" spans="1:11" ht="15" customHeight="1">
      <c r="A31" s="17" t="s">
        <v>59</v>
      </c>
      <c r="B31" s="17"/>
      <c r="C31" s="13">
        <v>204</v>
      </c>
      <c r="D31" s="19">
        <v>99</v>
      </c>
      <c r="E31" s="19">
        <v>105</v>
      </c>
      <c r="F31" s="19"/>
      <c r="G31" s="18" t="s">
        <v>60</v>
      </c>
      <c r="H31" s="17"/>
      <c r="I31" s="13">
        <v>516</v>
      </c>
      <c r="J31" s="19">
        <v>244</v>
      </c>
      <c r="K31" s="19">
        <v>272</v>
      </c>
    </row>
    <row r="32" spans="1:11" ht="15" customHeight="1">
      <c r="A32" s="17" t="s">
        <v>61</v>
      </c>
      <c r="B32" s="17"/>
      <c r="C32" s="13">
        <v>177</v>
      </c>
      <c r="D32" s="19">
        <v>97</v>
      </c>
      <c r="E32" s="19">
        <v>80</v>
      </c>
      <c r="F32" s="19"/>
      <c r="G32" s="18" t="s">
        <v>62</v>
      </c>
      <c r="H32" s="17"/>
      <c r="I32" s="13">
        <v>552</v>
      </c>
      <c r="J32" s="19">
        <v>236</v>
      </c>
      <c r="K32" s="19">
        <v>316</v>
      </c>
    </row>
    <row r="33" spans="1:11" ht="15" customHeight="1">
      <c r="A33" s="17" t="s">
        <v>63</v>
      </c>
      <c r="B33" s="17"/>
      <c r="C33" s="13">
        <v>141</v>
      </c>
      <c r="D33" s="19">
        <v>84</v>
      </c>
      <c r="E33" s="19">
        <v>57</v>
      </c>
      <c r="F33" s="19"/>
      <c r="G33" s="18" t="s">
        <v>64</v>
      </c>
      <c r="H33" s="17"/>
      <c r="I33" s="13">
        <v>357</v>
      </c>
      <c r="J33" s="19">
        <v>145</v>
      </c>
      <c r="K33" s="19">
        <v>212</v>
      </c>
    </row>
    <row r="34" spans="1:11" ht="15" customHeight="1">
      <c r="A34" s="17" t="s">
        <v>65</v>
      </c>
      <c r="B34" s="17"/>
      <c r="C34" s="13">
        <v>147</v>
      </c>
      <c r="D34" s="19">
        <v>50</v>
      </c>
      <c r="E34" s="19">
        <v>97</v>
      </c>
      <c r="F34" s="19"/>
      <c r="G34" s="18" t="s">
        <v>66</v>
      </c>
      <c r="H34" s="17"/>
      <c r="I34" s="13">
        <v>387</v>
      </c>
      <c r="J34" s="19">
        <v>162</v>
      </c>
      <c r="K34" s="19">
        <v>225</v>
      </c>
    </row>
    <row r="35" spans="1:11" ht="20.100000000000001" customHeight="1">
      <c r="A35" s="17" t="s">
        <v>67</v>
      </c>
      <c r="B35" s="17"/>
      <c r="C35" s="13">
        <v>739</v>
      </c>
      <c r="D35" s="14">
        <v>376</v>
      </c>
      <c r="E35" s="14">
        <v>363</v>
      </c>
      <c r="F35" s="14"/>
      <c r="G35" s="18" t="s">
        <v>68</v>
      </c>
      <c r="H35" s="17"/>
      <c r="I35" s="13">
        <v>2241</v>
      </c>
      <c r="J35" s="14">
        <v>967</v>
      </c>
      <c r="K35" s="14">
        <v>1274</v>
      </c>
    </row>
    <row r="36" spans="1:11" ht="15" customHeight="1">
      <c r="A36" s="17" t="s">
        <v>69</v>
      </c>
      <c r="B36" s="17"/>
      <c r="C36" s="13">
        <v>160</v>
      </c>
      <c r="D36" s="19">
        <v>82</v>
      </c>
      <c r="E36" s="19">
        <v>78</v>
      </c>
      <c r="F36" s="19"/>
      <c r="G36" s="18" t="s">
        <v>70</v>
      </c>
      <c r="H36" s="17"/>
      <c r="I36" s="13">
        <v>457</v>
      </c>
      <c r="J36" s="19">
        <v>201</v>
      </c>
      <c r="K36" s="19">
        <v>256</v>
      </c>
    </row>
    <row r="37" spans="1:11" ht="15" customHeight="1">
      <c r="A37" s="17" t="s">
        <v>71</v>
      </c>
      <c r="B37" s="17"/>
      <c r="C37" s="13">
        <v>149</v>
      </c>
      <c r="D37" s="19">
        <v>74</v>
      </c>
      <c r="E37" s="19">
        <v>75</v>
      </c>
      <c r="F37" s="19"/>
      <c r="G37" s="18" t="s">
        <v>72</v>
      </c>
      <c r="H37" s="17"/>
      <c r="I37" s="13">
        <v>499</v>
      </c>
      <c r="J37" s="19">
        <v>216</v>
      </c>
      <c r="K37" s="19">
        <v>283</v>
      </c>
    </row>
    <row r="38" spans="1:11" ht="15" customHeight="1">
      <c r="A38" s="17" t="s">
        <v>73</v>
      </c>
      <c r="B38" s="17"/>
      <c r="C38" s="13">
        <v>144</v>
      </c>
      <c r="D38" s="19">
        <v>69</v>
      </c>
      <c r="E38" s="19">
        <v>75</v>
      </c>
      <c r="F38" s="19"/>
      <c r="G38" s="18" t="s">
        <v>74</v>
      </c>
      <c r="H38" s="17"/>
      <c r="I38" s="13">
        <v>443</v>
      </c>
      <c r="J38" s="19">
        <v>200</v>
      </c>
      <c r="K38" s="19">
        <v>243</v>
      </c>
    </row>
    <row r="39" spans="1:11" ht="15" customHeight="1">
      <c r="A39" s="17" t="s">
        <v>75</v>
      </c>
      <c r="B39" s="17"/>
      <c r="C39" s="13">
        <v>120</v>
      </c>
      <c r="D39" s="19">
        <v>64</v>
      </c>
      <c r="E39" s="19">
        <v>56</v>
      </c>
      <c r="F39" s="19"/>
      <c r="G39" s="18" t="s">
        <v>76</v>
      </c>
      <c r="H39" s="17"/>
      <c r="I39" s="13">
        <v>465</v>
      </c>
      <c r="J39" s="19">
        <v>190</v>
      </c>
      <c r="K39" s="19">
        <v>275</v>
      </c>
    </row>
    <row r="40" spans="1:11" ht="15" customHeight="1">
      <c r="A40" s="17" t="s">
        <v>77</v>
      </c>
      <c r="B40" s="17"/>
      <c r="C40" s="13">
        <v>166</v>
      </c>
      <c r="D40" s="19">
        <v>87</v>
      </c>
      <c r="E40" s="19">
        <v>79</v>
      </c>
      <c r="F40" s="19"/>
      <c r="G40" s="18" t="s">
        <v>78</v>
      </c>
      <c r="H40" s="17"/>
      <c r="I40" s="13">
        <v>377</v>
      </c>
      <c r="J40" s="19">
        <v>160</v>
      </c>
      <c r="K40" s="19">
        <v>217</v>
      </c>
    </row>
    <row r="41" spans="1:11" ht="20.100000000000001" customHeight="1">
      <c r="A41" s="17" t="s">
        <v>79</v>
      </c>
      <c r="B41" s="17"/>
      <c r="C41" s="13">
        <v>642</v>
      </c>
      <c r="D41" s="14">
        <v>341</v>
      </c>
      <c r="E41" s="14">
        <v>301</v>
      </c>
      <c r="F41" s="14"/>
      <c r="G41" s="18" t="s">
        <v>80</v>
      </c>
      <c r="H41" s="17"/>
      <c r="I41" s="13">
        <v>1578</v>
      </c>
      <c r="J41" s="14">
        <v>629</v>
      </c>
      <c r="K41" s="14">
        <v>949</v>
      </c>
    </row>
    <row r="42" spans="1:11" ht="15" customHeight="1">
      <c r="A42" s="17" t="s">
        <v>81</v>
      </c>
      <c r="B42" s="17"/>
      <c r="C42" s="13">
        <v>112</v>
      </c>
      <c r="D42" s="19">
        <v>67</v>
      </c>
      <c r="E42" s="19">
        <v>45</v>
      </c>
      <c r="F42" s="19"/>
      <c r="G42" s="18" t="s">
        <v>82</v>
      </c>
      <c r="H42" s="17"/>
      <c r="I42" s="13">
        <v>336</v>
      </c>
      <c r="J42" s="19">
        <v>141</v>
      </c>
      <c r="K42" s="19">
        <v>195</v>
      </c>
    </row>
    <row r="43" spans="1:11" ht="15" customHeight="1">
      <c r="A43" s="17" t="s">
        <v>83</v>
      </c>
      <c r="B43" s="17"/>
      <c r="C43" s="13">
        <v>114</v>
      </c>
      <c r="D43" s="19">
        <v>50</v>
      </c>
      <c r="E43" s="19">
        <v>64</v>
      </c>
      <c r="F43" s="19"/>
      <c r="G43" s="18" t="s">
        <v>84</v>
      </c>
      <c r="H43" s="17"/>
      <c r="I43" s="13">
        <v>338</v>
      </c>
      <c r="J43" s="19">
        <v>121</v>
      </c>
      <c r="K43" s="19">
        <v>217</v>
      </c>
    </row>
    <row r="44" spans="1:11" ht="15" customHeight="1">
      <c r="A44" s="17" t="s">
        <v>85</v>
      </c>
      <c r="B44" s="17"/>
      <c r="C44" s="13">
        <v>133</v>
      </c>
      <c r="D44" s="19">
        <v>77</v>
      </c>
      <c r="E44" s="19">
        <v>56</v>
      </c>
      <c r="F44" s="19"/>
      <c r="G44" s="18" t="s">
        <v>86</v>
      </c>
      <c r="H44" s="17"/>
      <c r="I44" s="13">
        <v>309</v>
      </c>
      <c r="J44" s="19">
        <v>118</v>
      </c>
      <c r="K44" s="19">
        <v>191</v>
      </c>
    </row>
    <row r="45" spans="1:11" ht="15" customHeight="1">
      <c r="A45" s="17" t="s">
        <v>87</v>
      </c>
      <c r="B45" s="17"/>
      <c r="C45" s="13">
        <v>153</v>
      </c>
      <c r="D45" s="19">
        <v>80</v>
      </c>
      <c r="E45" s="19">
        <v>73</v>
      </c>
      <c r="F45" s="19"/>
      <c r="G45" s="18" t="s">
        <v>88</v>
      </c>
      <c r="H45" s="17"/>
      <c r="I45" s="13">
        <v>302</v>
      </c>
      <c r="J45" s="19">
        <v>130</v>
      </c>
      <c r="K45" s="19">
        <v>172</v>
      </c>
    </row>
    <row r="46" spans="1:11" ht="15" customHeight="1">
      <c r="A46" s="17" t="s">
        <v>89</v>
      </c>
      <c r="B46" s="17"/>
      <c r="C46" s="13">
        <v>130</v>
      </c>
      <c r="D46" s="19">
        <v>67</v>
      </c>
      <c r="E46" s="19">
        <v>63</v>
      </c>
      <c r="F46" s="19"/>
      <c r="G46" s="18" t="s">
        <v>90</v>
      </c>
      <c r="H46" s="17"/>
      <c r="I46" s="13">
        <v>293</v>
      </c>
      <c r="J46" s="19">
        <v>119</v>
      </c>
      <c r="K46" s="19">
        <v>174</v>
      </c>
    </row>
    <row r="47" spans="1:11" ht="20.100000000000001" customHeight="1">
      <c r="A47" s="17" t="s">
        <v>91</v>
      </c>
      <c r="B47" s="17"/>
      <c r="C47" s="13">
        <v>832</v>
      </c>
      <c r="D47" s="14">
        <v>410</v>
      </c>
      <c r="E47" s="14">
        <v>422</v>
      </c>
      <c r="F47" s="14"/>
      <c r="G47" s="18" t="s">
        <v>92</v>
      </c>
      <c r="H47" s="17"/>
      <c r="I47" s="13">
        <v>1061</v>
      </c>
      <c r="J47" s="14">
        <v>350</v>
      </c>
      <c r="K47" s="14">
        <v>711</v>
      </c>
    </row>
    <row r="48" spans="1:11" ht="15" customHeight="1">
      <c r="A48" s="17" t="s">
        <v>93</v>
      </c>
      <c r="B48" s="17"/>
      <c r="C48" s="13">
        <v>143</v>
      </c>
      <c r="D48" s="19">
        <v>68</v>
      </c>
      <c r="E48" s="19">
        <v>75</v>
      </c>
      <c r="F48" s="19"/>
      <c r="G48" s="18" t="s">
        <v>94</v>
      </c>
      <c r="H48" s="17"/>
      <c r="I48" s="13">
        <v>277</v>
      </c>
      <c r="J48" s="19">
        <v>92</v>
      </c>
      <c r="K48" s="19">
        <v>185</v>
      </c>
    </row>
    <row r="49" spans="1:11" ht="15" customHeight="1">
      <c r="A49" s="17" t="s">
        <v>95</v>
      </c>
      <c r="B49" s="17"/>
      <c r="C49" s="13">
        <v>168</v>
      </c>
      <c r="D49" s="19">
        <v>66</v>
      </c>
      <c r="E49" s="19">
        <v>102</v>
      </c>
      <c r="F49" s="19"/>
      <c r="G49" s="18" t="s">
        <v>96</v>
      </c>
      <c r="H49" s="17"/>
      <c r="I49" s="13">
        <v>222</v>
      </c>
      <c r="J49" s="19">
        <v>70</v>
      </c>
      <c r="K49" s="19">
        <v>152</v>
      </c>
    </row>
    <row r="50" spans="1:11" ht="15" customHeight="1">
      <c r="A50" s="17" t="s">
        <v>97</v>
      </c>
      <c r="B50" s="17"/>
      <c r="C50" s="13">
        <v>159</v>
      </c>
      <c r="D50" s="19">
        <v>89</v>
      </c>
      <c r="E50" s="19">
        <v>70</v>
      </c>
      <c r="F50" s="19"/>
      <c r="G50" s="18" t="s">
        <v>98</v>
      </c>
      <c r="H50" s="17"/>
      <c r="I50" s="13">
        <v>205</v>
      </c>
      <c r="J50" s="19">
        <v>74</v>
      </c>
      <c r="K50" s="19">
        <v>131</v>
      </c>
    </row>
    <row r="51" spans="1:11" ht="15" customHeight="1">
      <c r="A51" s="17" t="s">
        <v>99</v>
      </c>
      <c r="B51" s="17"/>
      <c r="C51" s="13">
        <v>150</v>
      </c>
      <c r="D51" s="19">
        <v>76</v>
      </c>
      <c r="E51" s="19">
        <v>74</v>
      </c>
      <c r="F51" s="19"/>
      <c r="G51" s="18" t="s">
        <v>100</v>
      </c>
      <c r="H51" s="17"/>
      <c r="I51" s="13">
        <v>181</v>
      </c>
      <c r="J51" s="19">
        <v>59</v>
      </c>
      <c r="K51" s="19">
        <v>122</v>
      </c>
    </row>
    <row r="52" spans="1:11" ht="15" customHeight="1">
      <c r="A52" s="17" t="s">
        <v>101</v>
      </c>
      <c r="B52" s="17"/>
      <c r="C52" s="13">
        <v>212</v>
      </c>
      <c r="D52" s="19">
        <v>111</v>
      </c>
      <c r="E52" s="19">
        <v>101</v>
      </c>
      <c r="F52" s="19"/>
      <c r="G52" s="18" t="s">
        <v>102</v>
      </c>
      <c r="H52" s="17"/>
      <c r="I52" s="13">
        <v>176</v>
      </c>
      <c r="J52" s="19">
        <v>55</v>
      </c>
      <c r="K52" s="19">
        <v>121</v>
      </c>
    </row>
    <row r="53" spans="1:11" ht="20.100000000000001" customHeight="1">
      <c r="A53" s="17" t="s">
        <v>103</v>
      </c>
      <c r="B53" s="17"/>
      <c r="C53" s="13">
        <v>1181</v>
      </c>
      <c r="D53" s="14">
        <v>585</v>
      </c>
      <c r="E53" s="14">
        <v>596</v>
      </c>
      <c r="F53" s="14"/>
      <c r="G53" s="18" t="s">
        <v>104</v>
      </c>
      <c r="H53" s="17"/>
      <c r="I53" s="13">
        <v>547</v>
      </c>
      <c r="J53" s="14">
        <v>147</v>
      </c>
      <c r="K53" s="14">
        <v>400</v>
      </c>
    </row>
    <row r="54" spans="1:11" ht="15" customHeight="1">
      <c r="A54" s="17" t="s">
        <v>105</v>
      </c>
      <c r="B54" s="17"/>
      <c r="C54" s="13">
        <v>214</v>
      </c>
      <c r="D54" s="19">
        <v>99</v>
      </c>
      <c r="E54" s="19">
        <v>115</v>
      </c>
      <c r="F54" s="19"/>
      <c r="G54" s="18" t="s">
        <v>106</v>
      </c>
      <c r="H54" s="17"/>
      <c r="I54" s="13">
        <v>131</v>
      </c>
      <c r="J54" s="19">
        <v>32</v>
      </c>
      <c r="K54" s="19">
        <v>99</v>
      </c>
    </row>
    <row r="55" spans="1:11" ht="15" customHeight="1">
      <c r="A55" s="17" t="s">
        <v>107</v>
      </c>
      <c r="B55" s="17"/>
      <c r="C55" s="13">
        <v>223</v>
      </c>
      <c r="D55" s="19">
        <v>103</v>
      </c>
      <c r="E55" s="19">
        <v>120</v>
      </c>
      <c r="F55" s="19"/>
      <c r="G55" s="18" t="s">
        <v>108</v>
      </c>
      <c r="H55" s="17"/>
      <c r="I55" s="13">
        <v>136</v>
      </c>
      <c r="J55" s="19">
        <v>43</v>
      </c>
      <c r="K55" s="19">
        <v>93</v>
      </c>
    </row>
    <row r="56" spans="1:11" ht="15" customHeight="1">
      <c r="A56" s="17" t="s">
        <v>109</v>
      </c>
      <c r="B56" s="17"/>
      <c r="C56" s="13">
        <v>208</v>
      </c>
      <c r="D56" s="19">
        <v>100</v>
      </c>
      <c r="E56" s="19">
        <v>108</v>
      </c>
      <c r="F56" s="19"/>
      <c r="G56" s="18" t="s">
        <v>110</v>
      </c>
      <c r="H56" s="17"/>
      <c r="I56" s="13">
        <v>94</v>
      </c>
      <c r="J56" s="19">
        <v>31</v>
      </c>
      <c r="K56" s="19">
        <v>63</v>
      </c>
    </row>
    <row r="57" spans="1:11" ht="15" customHeight="1">
      <c r="A57" s="17" t="s">
        <v>111</v>
      </c>
      <c r="B57" s="17"/>
      <c r="C57" s="13">
        <v>241</v>
      </c>
      <c r="D57" s="19">
        <v>138</v>
      </c>
      <c r="E57" s="19">
        <v>103</v>
      </c>
      <c r="F57" s="19"/>
      <c r="G57" s="18" t="s">
        <v>112</v>
      </c>
      <c r="H57" s="17"/>
      <c r="I57" s="13">
        <v>101</v>
      </c>
      <c r="J57" s="19">
        <v>29</v>
      </c>
      <c r="K57" s="19">
        <v>72</v>
      </c>
    </row>
    <row r="58" spans="1:11" ht="15" customHeight="1">
      <c r="A58" s="17" t="s">
        <v>113</v>
      </c>
      <c r="B58" s="17"/>
      <c r="C58" s="13">
        <v>295</v>
      </c>
      <c r="D58" s="19">
        <v>145</v>
      </c>
      <c r="E58" s="19">
        <v>150</v>
      </c>
      <c r="F58" s="19"/>
      <c r="G58" s="18" t="s">
        <v>114</v>
      </c>
      <c r="H58" s="17"/>
      <c r="I58" s="13">
        <v>85</v>
      </c>
      <c r="J58" s="19">
        <v>12</v>
      </c>
      <c r="K58" s="19">
        <v>73</v>
      </c>
    </row>
    <row r="59" spans="1:11" ht="20.100000000000001" customHeight="1">
      <c r="A59" s="17" t="s">
        <v>115</v>
      </c>
      <c r="B59" s="17"/>
      <c r="C59" s="13">
        <v>1601</v>
      </c>
      <c r="D59" s="14">
        <v>829</v>
      </c>
      <c r="E59" s="14">
        <v>772</v>
      </c>
      <c r="F59" s="14"/>
      <c r="G59" s="18" t="s">
        <v>116</v>
      </c>
      <c r="H59" s="17"/>
      <c r="I59" s="13">
        <v>213</v>
      </c>
      <c r="J59" s="14">
        <v>50</v>
      </c>
      <c r="K59" s="14">
        <v>163</v>
      </c>
    </row>
    <row r="60" spans="1:11" ht="15" customHeight="1">
      <c r="A60" s="17" t="s">
        <v>117</v>
      </c>
      <c r="B60" s="17"/>
      <c r="C60" s="13">
        <v>308</v>
      </c>
      <c r="D60" s="19">
        <v>164</v>
      </c>
      <c r="E60" s="19">
        <v>144</v>
      </c>
      <c r="F60" s="19"/>
      <c r="G60" s="18" t="s">
        <v>118</v>
      </c>
      <c r="H60" s="17"/>
      <c r="I60" s="13">
        <v>74</v>
      </c>
      <c r="J60" s="19">
        <v>19</v>
      </c>
      <c r="K60" s="19">
        <v>55</v>
      </c>
    </row>
    <row r="61" spans="1:11" ht="15" customHeight="1">
      <c r="A61" s="17" t="s">
        <v>119</v>
      </c>
      <c r="B61" s="17"/>
      <c r="C61" s="13">
        <v>296</v>
      </c>
      <c r="D61" s="19">
        <v>166</v>
      </c>
      <c r="E61" s="19">
        <v>130</v>
      </c>
      <c r="F61" s="19"/>
      <c r="G61" s="18" t="s">
        <v>120</v>
      </c>
      <c r="H61" s="17"/>
      <c r="I61" s="13">
        <v>51</v>
      </c>
      <c r="J61" s="19">
        <v>11</v>
      </c>
      <c r="K61" s="19">
        <v>40</v>
      </c>
    </row>
    <row r="62" spans="1:11" ht="15" customHeight="1">
      <c r="A62" s="17" t="s">
        <v>121</v>
      </c>
      <c r="B62" s="17"/>
      <c r="C62" s="13">
        <v>321</v>
      </c>
      <c r="D62" s="19">
        <v>173</v>
      </c>
      <c r="E62" s="19">
        <v>148</v>
      </c>
      <c r="F62" s="19"/>
      <c r="G62" s="18" t="s">
        <v>122</v>
      </c>
      <c r="H62" s="17"/>
      <c r="I62" s="13">
        <v>40</v>
      </c>
      <c r="J62" s="19">
        <v>9</v>
      </c>
      <c r="K62" s="19">
        <v>31</v>
      </c>
    </row>
    <row r="63" spans="1:11" ht="15" customHeight="1">
      <c r="A63" s="17" t="s">
        <v>123</v>
      </c>
      <c r="B63" s="17"/>
      <c r="C63" s="13">
        <v>322</v>
      </c>
      <c r="D63" s="19">
        <v>154</v>
      </c>
      <c r="E63" s="19">
        <v>168</v>
      </c>
      <c r="F63" s="19"/>
      <c r="G63" s="18" t="s">
        <v>124</v>
      </c>
      <c r="H63" s="17"/>
      <c r="I63" s="13">
        <v>24</v>
      </c>
      <c r="J63" s="19">
        <v>6</v>
      </c>
      <c r="K63" s="19">
        <v>18</v>
      </c>
    </row>
    <row r="64" spans="1:11" ht="15" customHeight="1">
      <c r="A64" s="17" t="s">
        <v>125</v>
      </c>
      <c r="B64" s="17"/>
      <c r="C64" s="13">
        <v>354</v>
      </c>
      <c r="D64" s="19">
        <v>172</v>
      </c>
      <c r="E64" s="19">
        <v>182</v>
      </c>
      <c r="F64" s="19"/>
      <c r="G64" s="18" t="s">
        <v>126</v>
      </c>
      <c r="H64" s="17"/>
      <c r="I64" s="13">
        <v>24</v>
      </c>
      <c r="J64" s="19">
        <v>5</v>
      </c>
      <c r="K64" s="19">
        <v>1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1</v>
      </c>
      <c r="J65" s="19">
        <v>5</v>
      </c>
      <c r="K65" s="19">
        <v>5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8</v>
      </c>
      <c r="J66" s="29">
        <v>60</v>
      </c>
      <c r="K66" s="29">
        <v>68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6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5482</v>
      </c>
      <c r="D4" s="14">
        <v>97459</v>
      </c>
      <c r="E4" s="14">
        <v>9802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233</v>
      </c>
      <c r="D5" s="14">
        <v>3164</v>
      </c>
      <c r="E5" s="14">
        <v>3069</v>
      </c>
      <c r="F5" s="14"/>
      <c r="G5" s="18" t="s">
        <v>8</v>
      </c>
      <c r="H5" s="17"/>
      <c r="I5" s="13">
        <v>15172</v>
      </c>
      <c r="J5" s="14">
        <v>7954</v>
      </c>
      <c r="K5" s="14">
        <v>7218</v>
      </c>
    </row>
    <row r="6" spans="1:11" ht="15" customHeight="1">
      <c r="A6" s="17" t="s">
        <v>9</v>
      </c>
      <c r="B6" s="17"/>
      <c r="C6" s="13">
        <v>1214</v>
      </c>
      <c r="D6" s="19">
        <v>623</v>
      </c>
      <c r="E6" s="19">
        <v>591</v>
      </c>
      <c r="F6" s="19"/>
      <c r="G6" s="18" t="s">
        <v>10</v>
      </c>
      <c r="H6" s="17"/>
      <c r="I6" s="13">
        <v>3350</v>
      </c>
      <c r="J6" s="19">
        <v>1756</v>
      </c>
      <c r="K6" s="19">
        <v>1594</v>
      </c>
    </row>
    <row r="7" spans="1:11" ht="15" customHeight="1">
      <c r="A7" s="17" t="s">
        <v>11</v>
      </c>
      <c r="B7" s="17"/>
      <c r="C7" s="13">
        <v>1186</v>
      </c>
      <c r="D7" s="19">
        <v>596</v>
      </c>
      <c r="E7" s="19">
        <v>590</v>
      </c>
      <c r="F7" s="19"/>
      <c r="G7" s="18" t="s">
        <v>12</v>
      </c>
      <c r="H7" s="17"/>
      <c r="I7" s="13">
        <v>3122</v>
      </c>
      <c r="J7" s="19">
        <v>1620</v>
      </c>
      <c r="K7" s="19">
        <v>1502</v>
      </c>
    </row>
    <row r="8" spans="1:11" ht="15" customHeight="1">
      <c r="A8" s="17" t="s">
        <v>13</v>
      </c>
      <c r="B8" s="17"/>
      <c r="C8" s="13">
        <v>1322</v>
      </c>
      <c r="D8" s="19">
        <v>642</v>
      </c>
      <c r="E8" s="19">
        <v>680</v>
      </c>
      <c r="F8" s="19"/>
      <c r="G8" s="18" t="s">
        <v>14</v>
      </c>
      <c r="H8" s="17"/>
      <c r="I8" s="13">
        <v>3287</v>
      </c>
      <c r="J8" s="19">
        <v>1718</v>
      </c>
      <c r="K8" s="19">
        <v>1569</v>
      </c>
    </row>
    <row r="9" spans="1:11" ht="15" customHeight="1">
      <c r="A9" s="17" t="s">
        <v>15</v>
      </c>
      <c r="B9" s="17"/>
      <c r="C9" s="13">
        <v>1270</v>
      </c>
      <c r="D9" s="19">
        <v>650</v>
      </c>
      <c r="E9" s="19">
        <v>620</v>
      </c>
      <c r="F9" s="19"/>
      <c r="G9" s="18" t="s">
        <v>16</v>
      </c>
      <c r="H9" s="17"/>
      <c r="I9" s="13">
        <v>2370</v>
      </c>
      <c r="J9" s="19">
        <v>1236</v>
      </c>
      <c r="K9" s="19">
        <v>1134</v>
      </c>
    </row>
    <row r="10" spans="1:11" ht="15" customHeight="1">
      <c r="A10" s="17" t="s">
        <v>17</v>
      </c>
      <c r="B10" s="17"/>
      <c r="C10" s="13">
        <v>1241</v>
      </c>
      <c r="D10" s="19">
        <v>653</v>
      </c>
      <c r="E10" s="19">
        <v>588</v>
      </c>
      <c r="F10" s="19"/>
      <c r="G10" s="18" t="s">
        <v>18</v>
      </c>
      <c r="H10" s="17"/>
      <c r="I10" s="13">
        <v>3043</v>
      </c>
      <c r="J10" s="19">
        <v>1624</v>
      </c>
      <c r="K10" s="19">
        <v>1419</v>
      </c>
    </row>
    <row r="11" spans="1:11" ht="20.100000000000001" customHeight="1">
      <c r="A11" s="17" t="s">
        <v>19</v>
      </c>
      <c r="B11" s="17"/>
      <c r="C11" s="13">
        <v>6509</v>
      </c>
      <c r="D11" s="14">
        <v>3354</v>
      </c>
      <c r="E11" s="14">
        <v>3155</v>
      </c>
      <c r="F11" s="14"/>
      <c r="G11" s="18" t="s">
        <v>20</v>
      </c>
      <c r="H11" s="17"/>
      <c r="I11" s="13">
        <v>12904</v>
      </c>
      <c r="J11" s="14">
        <v>6754</v>
      </c>
      <c r="K11" s="14">
        <v>6150</v>
      </c>
    </row>
    <row r="12" spans="1:11" ht="15" customHeight="1">
      <c r="A12" s="17" t="s">
        <v>21</v>
      </c>
      <c r="B12" s="17"/>
      <c r="C12" s="13">
        <v>1275</v>
      </c>
      <c r="D12" s="19">
        <v>648</v>
      </c>
      <c r="E12" s="19">
        <v>627</v>
      </c>
      <c r="F12" s="19"/>
      <c r="G12" s="18" t="s">
        <v>22</v>
      </c>
      <c r="H12" s="17"/>
      <c r="I12" s="13">
        <v>2748</v>
      </c>
      <c r="J12" s="19">
        <v>1458</v>
      </c>
      <c r="K12" s="19">
        <v>1290</v>
      </c>
    </row>
    <row r="13" spans="1:11" ht="15" customHeight="1">
      <c r="A13" s="17" t="s">
        <v>23</v>
      </c>
      <c r="B13" s="17"/>
      <c r="C13" s="13">
        <v>1344</v>
      </c>
      <c r="D13" s="19">
        <v>711</v>
      </c>
      <c r="E13" s="19">
        <v>633</v>
      </c>
      <c r="F13" s="19"/>
      <c r="G13" s="18" t="s">
        <v>24</v>
      </c>
      <c r="H13" s="17"/>
      <c r="I13" s="13">
        <v>2733</v>
      </c>
      <c r="J13" s="19">
        <v>1448</v>
      </c>
      <c r="K13" s="19">
        <v>1285</v>
      </c>
    </row>
    <row r="14" spans="1:11" ht="15" customHeight="1">
      <c r="A14" s="17" t="s">
        <v>25</v>
      </c>
      <c r="B14" s="17"/>
      <c r="C14" s="13">
        <v>1313</v>
      </c>
      <c r="D14" s="19">
        <v>681</v>
      </c>
      <c r="E14" s="19">
        <v>632</v>
      </c>
      <c r="F14" s="19"/>
      <c r="G14" s="18" t="s">
        <v>26</v>
      </c>
      <c r="H14" s="17"/>
      <c r="I14" s="13">
        <v>2602</v>
      </c>
      <c r="J14" s="19">
        <v>1346</v>
      </c>
      <c r="K14" s="19">
        <v>1256</v>
      </c>
    </row>
    <row r="15" spans="1:11" ht="15" customHeight="1">
      <c r="A15" s="17" t="s">
        <v>27</v>
      </c>
      <c r="B15" s="17"/>
      <c r="C15" s="13">
        <v>1263</v>
      </c>
      <c r="D15" s="19">
        <v>660</v>
      </c>
      <c r="E15" s="19">
        <v>603</v>
      </c>
      <c r="F15" s="19"/>
      <c r="G15" s="18" t="s">
        <v>28</v>
      </c>
      <c r="H15" s="17"/>
      <c r="I15" s="13">
        <v>2416</v>
      </c>
      <c r="J15" s="19">
        <v>1243</v>
      </c>
      <c r="K15" s="19">
        <v>1173</v>
      </c>
    </row>
    <row r="16" spans="1:11" ht="15" customHeight="1">
      <c r="A16" s="17" t="s">
        <v>29</v>
      </c>
      <c r="B16" s="17"/>
      <c r="C16" s="13">
        <v>1314</v>
      </c>
      <c r="D16" s="19">
        <v>654</v>
      </c>
      <c r="E16" s="19">
        <v>660</v>
      </c>
      <c r="F16" s="19"/>
      <c r="G16" s="18" t="s">
        <v>30</v>
      </c>
      <c r="H16" s="17"/>
      <c r="I16" s="13">
        <v>2405</v>
      </c>
      <c r="J16" s="19">
        <v>1259</v>
      </c>
      <c r="K16" s="19">
        <v>1146</v>
      </c>
    </row>
    <row r="17" spans="1:11" ht="20.100000000000001" customHeight="1">
      <c r="A17" s="20" t="s">
        <v>31</v>
      </c>
      <c r="B17" s="20"/>
      <c r="C17" s="13">
        <v>6730</v>
      </c>
      <c r="D17" s="14">
        <v>3461</v>
      </c>
      <c r="E17" s="14">
        <v>3269</v>
      </c>
      <c r="F17" s="14"/>
      <c r="G17" s="18" t="s">
        <v>32</v>
      </c>
      <c r="H17" s="17"/>
      <c r="I17" s="13">
        <v>11311</v>
      </c>
      <c r="J17" s="14">
        <v>5854</v>
      </c>
      <c r="K17" s="14">
        <v>5457</v>
      </c>
    </row>
    <row r="18" spans="1:11" ht="15" customHeight="1">
      <c r="A18" s="17" t="s">
        <v>33</v>
      </c>
      <c r="B18" s="17"/>
      <c r="C18" s="13">
        <v>1340</v>
      </c>
      <c r="D18" s="19">
        <v>689</v>
      </c>
      <c r="E18" s="19">
        <v>651</v>
      </c>
      <c r="F18" s="19"/>
      <c r="G18" s="18" t="s">
        <v>34</v>
      </c>
      <c r="H18" s="17"/>
      <c r="I18" s="13">
        <v>2291</v>
      </c>
      <c r="J18" s="19">
        <v>1222</v>
      </c>
      <c r="K18" s="19">
        <v>1069</v>
      </c>
    </row>
    <row r="19" spans="1:11" ht="15" customHeight="1">
      <c r="A19" s="17" t="s">
        <v>35</v>
      </c>
      <c r="B19" s="17"/>
      <c r="C19" s="13">
        <v>1387</v>
      </c>
      <c r="D19" s="19">
        <v>705</v>
      </c>
      <c r="E19" s="19">
        <v>682</v>
      </c>
      <c r="F19" s="19"/>
      <c r="G19" s="18" t="s">
        <v>36</v>
      </c>
      <c r="H19" s="17"/>
      <c r="I19" s="13">
        <v>2362</v>
      </c>
      <c r="J19" s="19">
        <v>1226</v>
      </c>
      <c r="K19" s="19">
        <v>1136</v>
      </c>
    </row>
    <row r="20" spans="1:11" ht="15" customHeight="1">
      <c r="A20" s="17" t="s">
        <v>37</v>
      </c>
      <c r="B20" s="17"/>
      <c r="C20" s="13">
        <v>1371</v>
      </c>
      <c r="D20" s="19">
        <v>708</v>
      </c>
      <c r="E20" s="19">
        <v>663</v>
      </c>
      <c r="F20" s="19"/>
      <c r="G20" s="18" t="s">
        <v>38</v>
      </c>
      <c r="H20" s="17"/>
      <c r="I20" s="13">
        <v>2195</v>
      </c>
      <c r="J20" s="19">
        <v>1101</v>
      </c>
      <c r="K20" s="19">
        <v>1094</v>
      </c>
    </row>
    <row r="21" spans="1:11" ht="15" customHeight="1">
      <c r="A21" s="17" t="s">
        <v>39</v>
      </c>
      <c r="B21" s="17"/>
      <c r="C21" s="13">
        <v>1304</v>
      </c>
      <c r="D21" s="19">
        <v>649</v>
      </c>
      <c r="E21" s="19">
        <v>655</v>
      </c>
      <c r="F21" s="19"/>
      <c r="G21" s="18" t="s">
        <v>40</v>
      </c>
      <c r="H21" s="17"/>
      <c r="I21" s="13">
        <v>2143</v>
      </c>
      <c r="J21" s="19">
        <v>1101</v>
      </c>
      <c r="K21" s="19">
        <v>1042</v>
      </c>
    </row>
    <row r="22" spans="1:11" ht="15" customHeight="1">
      <c r="A22" s="17" t="s">
        <v>41</v>
      </c>
      <c r="B22" s="17"/>
      <c r="C22" s="13">
        <v>1328</v>
      </c>
      <c r="D22" s="19">
        <v>710</v>
      </c>
      <c r="E22" s="19">
        <v>618</v>
      </c>
      <c r="F22" s="19"/>
      <c r="G22" s="18" t="s">
        <v>42</v>
      </c>
      <c r="H22" s="17"/>
      <c r="I22" s="13">
        <v>2320</v>
      </c>
      <c r="J22" s="19">
        <v>1204</v>
      </c>
      <c r="K22" s="19">
        <v>1116</v>
      </c>
    </row>
    <row r="23" spans="1:11" ht="20.100000000000001" customHeight="1">
      <c r="A23" s="17" t="s">
        <v>43</v>
      </c>
      <c r="B23" s="17"/>
      <c r="C23" s="13">
        <v>7634</v>
      </c>
      <c r="D23" s="14">
        <v>3822</v>
      </c>
      <c r="E23" s="14">
        <v>3812</v>
      </c>
      <c r="F23" s="14"/>
      <c r="G23" s="18" t="s">
        <v>44</v>
      </c>
      <c r="H23" s="17"/>
      <c r="I23" s="13">
        <v>12344</v>
      </c>
      <c r="J23" s="14">
        <v>6397</v>
      </c>
      <c r="K23" s="14">
        <v>5947</v>
      </c>
    </row>
    <row r="24" spans="1:11" ht="15" customHeight="1">
      <c r="A24" s="17" t="s">
        <v>45</v>
      </c>
      <c r="B24" s="17"/>
      <c r="C24" s="13">
        <v>1368</v>
      </c>
      <c r="D24" s="19">
        <v>689</v>
      </c>
      <c r="E24" s="19">
        <v>679</v>
      </c>
      <c r="F24" s="19"/>
      <c r="G24" s="18" t="s">
        <v>46</v>
      </c>
      <c r="H24" s="17"/>
      <c r="I24" s="13">
        <v>2178</v>
      </c>
      <c r="J24" s="19">
        <v>1165</v>
      </c>
      <c r="K24" s="19">
        <v>1013</v>
      </c>
    </row>
    <row r="25" spans="1:11" ht="15" customHeight="1">
      <c r="A25" s="17" t="s">
        <v>47</v>
      </c>
      <c r="B25" s="17"/>
      <c r="C25" s="13">
        <v>1448</v>
      </c>
      <c r="D25" s="19">
        <v>704</v>
      </c>
      <c r="E25" s="19">
        <v>744</v>
      </c>
      <c r="F25" s="19"/>
      <c r="G25" s="18" t="s">
        <v>48</v>
      </c>
      <c r="H25" s="17"/>
      <c r="I25" s="13">
        <v>2300</v>
      </c>
      <c r="J25" s="19">
        <v>1170</v>
      </c>
      <c r="K25" s="19">
        <v>1130</v>
      </c>
    </row>
    <row r="26" spans="1:11" ht="15" customHeight="1">
      <c r="A26" s="17" t="s">
        <v>49</v>
      </c>
      <c r="B26" s="17"/>
      <c r="C26" s="13">
        <v>1449</v>
      </c>
      <c r="D26" s="19">
        <v>728</v>
      </c>
      <c r="E26" s="19">
        <v>721</v>
      </c>
      <c r="F26" s="19"/>
      <c r="G26" s="18" t="s">
        <v>50</v>
      </c>
      <c r="H26" s="17"/>
      <c r="I26" s="13">
        <v>2408</v>
      </c>
      <c r="J26" s="19">
        <v>1243</v>
      </c>
      <c r="K26" s="19">
        <v>1165</v>
      </c>
    </row>
    <row r="27" spans="1:11" ht="15" customHeight="1">
      <c r="A27" s="17" t="s">
        <v>51</v>
      </c>
      <c r="B27" s="17"/>
      <c r="C27" s="13">
        <v>1542</v>
      </c>
      <c r="D27" s="19">
        <v>789</v>
      </c>
      <c r="E27" s="19">
        <v>753</v>
      </c>
      <c r="F27" s="19"/>
      <c r="G27" s="18" t="s">
        <v>52</v>
      </c>
      <c r="H27" s="17"/>
      <c r="I27" s="13">
        <v>2619</v>
      </c>
      <c r="J27" s="19">
        <v>1355</v>
      </c>
      <c r="K27" s="19">
        <v>1264</v>
      </c>
    </row>
    <row r="28" spans="1:11" ht="15" customHeight="1">
      <c r="A28" s="17" t="s">
        <v>53</v>
      </c>
      <c r="B28" s="17"/>
      <c r="C28" s="13">
        <v>1827</v>
      </c>
      <c r="D28" s="19">
        <v>912</v>
      </c>
      <c r="E28" s="19">
        <v>915</v>
      </c>
      <c r="F28" s="19"/>
      <c r="G28" s="18" t="s">
        <v>54</v>
      </c>
      <c r="H28" s="17"/>
      <c r="I28" s="13">
        <v>2839</v>
      </c>
      <c r="J28" s="19">
        <v>1464</v>
      </c>
      <c r="K28" s="19">
        <v>1375</v>
      </c>
    </row>
    <row r="29" spans="1:11" ht="20.100000000000001" customHeight="1">
      <c r="A29" s="17" t="s">
        <v>55</v>
      </c>
      <c r="B29" s="17"/>
      <c r="C29" s="13">
        <v>10730</v>
      </c>
      <c r="D29" s="14">
        <v>5284</v>
      </c>
      <c r="E29" s="14">
        <v>5446</v>
      </c>
      <c r="F29" s="14"/>
      <c r="G29" s="18" t="s">
        <v>56</v>
      </c>
      <c r="H29" s="17"/>
      <c r="I29" s="13">
        <v>13033</v>
      </c>
      <c r="J29" s="14">
        <v>6437</v>
      </c>
      <c r="K29" s="14">
        <v>6596</v>
      </c>
    </row>
    <row r="30" spans="1:11" ht="15" customHeight="1">
      <c r="A30" s="17" t="s">
        <v>57</v>
      </c>
      <c r="B30" s="17"/>
      <c r="C30" s="13">
        <v>1819</v>
      </c>
      <c r="D30" s="19">
        <v>901</v>
      </c>
      <c r="E30" s="19">
        <v>918</v>
      </c>
      <c r="F30" s="19"/>
      <c r="G30" s="18" t="s">
        <v>58</v>
      </c>
      <c r="H30" s="17"/>
      <c r="I30" s="13">
        <v>3198</v>
      </c>
      <c r="J30" s="19">
        <v>1641</v>
      </c>
      <c r="K30" s="19">
        <v>1557</v>
      </c>
    </row>
    <row r="31" spans="1:11" ht="15" customHeight="1">
      <c r="A31" s="17" t="s">
        <v>59</v>
      </c>
      <c r="B31" s="17"/>
      <c r="C31" s="13">
        <v>1936</v>
      </c>
      <c r="D31" s="19">
        <v>1007</v>
      </c>
      <c r="E31" s="19">
        <v>929</v>
      </c>
      <c r="F31" s="19"/>
      <c r="G31" s="18" t="s">
        <v>60</v>
      </c>
      <c r="H31" s="17"/>
      <c r="I31" s="13">
        <v>3121</v>
      </c>
      <c r="J31" s="19">
        <v>1586</v>
      </c>
      <c r="K31" s="19">
        <v>1535</v>
      </c>
    </row>
    <row r="32" spans="1:11" ht="15" customHeight="1">
      <c r="A32" s="17" t="s">
        <v>61</v>
      </c>
      <c r="B32" s="17"/>
      <c r="C32" s="13">
        <v>2140</v>
      </c>
      <c r="D32" s="19">
        <v>1073</v>
      </c>
      <c r="E32" s="19">
        <v>1067</v>
      </c>
      <c r="F32" s="19"/>
      <c r="G32" s="18" t="s">
        <v>62</v>
      </c>
      <c r="H32" s="17"/>
      <c r="I32" s="13">
        <v>3060</v>
      </c>
      <c r="J32" s="19">
        <v>1508</v>
      </c>
      <c r="K32" s="19">
        <v>1552</v>
      </c>
    </row>
    <row r="33" spans="1:11" ht="15" customHeight="1">
      <c r="A33" s="17" t="s">
        <v>63</v>
      </c>
      <c r="B33" s="17"/>
      <c r="C33" s="13">
        <v>2411</v>
      </c>
      <c r="D33" s="19">
        <v>1143</v>
      </c>
      <c r="E33" s="19">
        <v>1268</v>
      </c>
      <c r="F33" s="19"/>
      <c r="G33" s="18" t="s">
        <v>64</v>
      </c>
      <c r="H33" s="17"/>
      <c r="I33" s="13">
        <v>1941</v>
      </c>
      <c r="J33" s="19">
        <v>903</v>
      </c>
      <c r="K33" s="19">
        <v>1038</v>
      </c>
    </row>
    <row r="34" spans="1:11" ht="15" customHeight="1">
      <c r="A34" s="17" t="s">
        <v>65</v>
      </c>
      <c r="B34" s="17"/>
      <c r="C34" s="13">
        <v>2424</v>
      </c>
      <c r="D34" s="19">
        <v>1160</v>
      </c>
      <c r="E34" s="19">
        <v>1264</v>
      </c>
      <c r="F34" s="19"/>
      <c r="G34" s="18" t="s">
        <v>66</v>
      </c>
      <c r="H34" s="17"/>
      <c r="I34" s="13">
        <v>1713</v>
      </c>
      <c r="J34" s="19">
        <v>799</v>
      </c>
      <c r="K34" s="19">
        <v>914</v>
      </c>
    </row>
    <row r="35" spans="1:11" ht="20.100000000000001" customHeight="1">
      <c r="A35" s="17" t="s">
        <v>67</v>
      </c>
      <c r="B35" s="17"/>
      <c r="C35" s="13">
        <v>11550</v>
      </c>
      <c r="D35" s="14">
        <v>5930</v>
      </c>
      <c r="E35" s="14">
        <v>5620</v>
      </c>
      <c r="F35" s="14"/>
      <c r="G35" s="18" t="s">
        <v>68</v>
      </c>
      <c r="H35" s="17"/>
      <c r="I35" s="13">
        <v>10701</v>
      </c>
      <c r="J35" s="14">
        <v>4718</v>
      </c>
      <c r="K35" s="14">
        <v>5983</v>
      </c>
    </row>
    <row r="36" spans="1:11" ht="15" customHeight="1">
      <c r="A36" s="17" t="s">
        <v>69</v>
      </c>
      <c r="B36" s="17"/>
      <c r="C36" s="13">
        <v>2594</v>
      </c>
      <c r="D36" s="19">
        <v>1343</v>
      </c>
      <c r="E36" s="19">
        <v>1251</v>
      </c>
      <c r="F36" s="19"/>
      <c r="G36" s="18" t="s">
        <v>70</v>
      </c>
      <c r="H36" s="17"/>
      <c r="I36" s="13">
        <v>2222</v>
      </c>
      <c r="J36" s="19">
        <v>1042</v>
      </c>
      <c r="K36" s="19">
        <v>1180</v>
      </c>
    </row>
    <row r="37" spans="1:11" ht="15" customHeight="1">
      <c r="A37" s="17" t="s">
        <v>71</v>
      </c>
      <c r="B37" s="17"/>
      <c r="C37" s="13">
        <v>2372</v>
      </c>
      <c r="D37" s="19">
        <v>1247</v>
      </c>
      <c r="E37" s="19">
        <v>1125</v>
      </c>
      <c r="F37" s="19"/>
      <c r="G37" s="18" t="s">
        <v>72</v>
      </c>
      <c r="H37" s="17"/>
      <c r="I37" s="13">
        <v>2295</v>
      </c>
      <c r="J37" s="19">
        <v>1039</v>
      </c>
      <c r="K37" s="19">
        <v>1256</v>
      </c>
    </row>
    <row r="38" spans="1:11" ht="15" customHeight="1">
      <c r="A38" s="17" t="s">
        <v>73</v>
      </c>
      <c r="B38" s="17"/>
      <c r="C38" s="13">
        <v>2290</v>
      </c>
      <c r="D38" s="19">
        <v>1172</v>
      </c>
      <c r="E38" s="19">
        <v>1118</v>
      </c>
      <c r="F38" s="19"/>
      <c r="G38" s="18" t="s">
        <v>74</v>
      </c>
      <c r="H38" s="17"/>
      <c r="I38" s="13">
        <v>2120</v>
      </c>
      <c r="J38" s="19">
        <v>879</v>
      </c>
      <c r="K38" s="19">
        <v>1241</v>
      </c>
    </row>
    <row r="39" spans="1:11" ht="15" customHeight="1">
      <c r="A39" s="17" t="s">
        <v>75</v>
      </c>
      <c r="B39" s="17"/>
      <c r="C39" s="13">
        <v>2176</v>
      </c>
      <c r="D39" s="19">
        <v>1093</v>
      </c>
      <c r="E39" s="19">
        <v>1083</v>
      </c>
      <c r="F39" s="19"/>
      <c r="G39" s="18" t="s">
        <v>76</v>
      </c>
      <c r="H39" s="17"/>
      <c r="I39" s="13">
        <v>2147</v>
      </c>
      <c r="J39" s="19">
        <v>935</v>
      </c>
      <c r="K39" s="19">
        <v>1212</v>
      </c>
    </row>
    <row r="40" spans="1:11" ht="15" customHeight="1">
      <c r="A40" s="17" t="s">
        <v>77</v>
      </c>
      <c r="B40" s="17"/>
      <c r="C40" s="13">
        <v>2118</v>
      </c>
      <c r="D40" s="19">
        <v>1075</v>
      </c>
      <c r="E40" s="19">
        <v>1043</v>
      </c>
      <c r="F40" s="19"/>
      <c r="G40" s="18" t="s">
        <v>78</v>
      </c>
      <c r="H40" s="17"/>
      <c r="I40" s="13">
        <v>1917</v>
      </c>
      <c r="J40" s="19">
        <v>823</v>
      </c>
      <c r="K40" s="19">
        <v>1094</v>
      </c>
    </row>
    <row r="41" spans="1:11" ht="20.100000000000001" customHeight="1">
      <c r="A41" s="17" t="s">
        <v>79</v>
      </c>
      <c r="B41" s="17"/>
      <c r="C41" s="13">
        <v>11339</v>
      </c>
      <c r="D41" s="14">
        <v>5813</v>
      </c>
      <c r="E41" s="14">
        <v>5526</v>
      </c>
      <c r="F41" s="14"/>
      <c r="G41" s="18" t="s">
        <v>80</v>
      </c>
      <c r="H41" s="17"/>
      <c r="I41" s="13">
        <v>7901</v>
      </c>
      <c r="J41" s="14">
        <v>3227</v>
      </c>
      <c r="K41" s="14">
        <v>4674</v>
      </c>
    </row>
    <row r="42" spans="1:11" ht="15" customHeight="1">
      <c r="A42" s="17" t="s">
        <v>81</v>
      </c>
      <c r="B42" s="17"/>
      <c r="C42" s="13">
        <v>2155</v>
      </c>
      <c r="D42" s="19">
        <v>1111</v>
      </c>
      <c r="E42" s="19">
        <v>1044</v>
      </c>
      <c r="F42" s="19"/>
      <c r="G42" s="18" t="s">
        <v>82</v>
      </c>
      <c r="H42" s="17"/>
      <c r="I42" s="13">
        <v>1704</v>
      </c>
      <c r="J42" s="19">
        <v>711</v>
      </c>
      <c r="K42" s="19">
        <v>993</v>
      </c>
    </row>
    <row r="43" spans="1:11" ht="15" customHeight="1">
      <c r="A43" s="17" t="s">
        <v>83</v>
      </c>
      <c r="B43" s="17"/>
      <c r="C43" s="13">
        <v>2251</v>
      </c>
      <c r="D43" s="19">
        <v>1178</v>
      </c>
      <c r="E43" s="19">
        <v>1073</v>
      </c>
      <c r="F43" s="19"/>
      <c r="G43" s="18" t="s">
        <v>84</v>
      </c>
      <c r="H43" s="17"/>
      <c r="I43" s="13">
        <v>1443</v>
      </c>
      <c r="J43" s="19">
        <v>630</v>
      </c>
      <c r="K43" s="19">
        <v>813</v>
      </c>
    </row>
    <row r="44" spans="1:11" ht="15" customHeight="1">
      <c r="A44" s="17" t="s">
        <v>85</v>
      </c>
      <c r="B44" s="17"/>
      <c r="C44" s="13">
        <v>2293</v>
      </c>
      <c r="D44" s="19">
        <v>1126</v>
      </c>
      <c r="E44" s="19">
        <v>1167</v>
      </c>
      <c r="F44" s="19"/>
      <c r="G44" s="18" t="s">
        <v>86</v>
      </c>
      <c r="H44" s="17"/>
      <c r="I44" s="13">
        <v>1701</v>
      </c>
      <c r="J44" s="19">
        <v>669</v>
      </c>
      <c r="K44" s="19">
        <v>1032</v>
      </c>
    </row>
    <row r="45" spans="1:11" ht="15" customHeight="1">
      <c r="A45" s="17" t="s">
        <v>87</v>
      </c>
      <c r="B45" s="17"/>
      <c r="C45" s="13">
        <v>2262</v>
      </c>
      <c r="D45" s="19">
        <v>1196</v>
      </c>
      <c r="E45" s="19">
        <v>1066</v>
      </c>
      <c r="F45" s="19"/>
      <c r="G45" s="18" t="s">
        <v>88</v>
      </c>
      <c r="H45" s="17"/>
      <c r="I45" s="13">
        <v>1544</v>
      </c>
      <c r="J45" s="19">
        <v>604</v>
      </c>
      <c r="K45" s="19">
        <v>940</v>
      </c>
    </row>
    <row r="46" spans="1:11" ht="15" customHeight="1">
      <c r="A46" s="17" t="s">
        <v>89</v>
      </c>
      <c r="B46" s="17"/>
      <c r="C46" s="13">
        <v>2378</v>
      </c>
      <c r="D46" s="19">
        <v>1202</v>
      </c>
      <c r="E46" s="19">
        <v>1176</v>
      </c>
      <c r="F46" s="19"/>
      <c r="G46" s="18" t="s">
        <v>90</v>
      </c>
      <c r="H46" s="17"/>
      <c r="I46" s="13">
        <v>1509</v>
      </c>
      <c r="J46" s="19">
        <v>613</v>
      </c>
      <c r="K46" s="19">
        <v>896</v>
      </c>
    </row>
    <row r="47" spans="1:11" ht="20.100000000000001" customHeight="1">
      <c r="A47" s="17" t="s">
        <v>91</v>
      </c>
      <c r="B47" s="17"/>
      <c r="C47" s="13">
        <v>12207</v>
      </c>
      <c r="D47" s="14">
        <v>6287</v>
      </c>
      <c r="E47" s="14">
        <v>5920</v>
      </c>
      <c r="F47" s="14"/>
      <c r="G47" s="18" t="s">
        <v>92</v>
      </c>
      <c r="H47" s="17"/>
      <c r="I47" s="13">
        <v>5125</v>
      </c>
      <c r="J47" s="14">
        <v>1907</v>
      </c>
      <c r="K47" s="14">
        <v>3218</v>
      </c>
    </row>
    <row r="48" spans="1:11" ht="15" customHeight="1">
      <c r="A48" s="17" t="s">
        <v>93</v>
      </c>
      <c r="B48" s="17"/>
      <c r="C48" s="13">
        <v>2446</v>
      </c>
      <c r="D48" s="19">
        <v>1275</v>
      </c>
      <c r="E48" s="19">
        <v>1171</v>
      </c>
      <c r="F48" s="19"/>
      <c r="G48" s="18" t="s">
        <v>94</v>
      </c>
      <c r="H48" s="17"/>
      <c r="I48" s="13">
        <v>1265</v>
      </c>
      <c r="J48" s="19">
        <v>506</v>
      </c>
      <c r="K48" s="19">
        <v>759</v>
      </c>
    </row>
    <row r="49" spans="1:11" ht="15" customHeight="1">
      <c r="A49" s="17" t="s">
        <v>95</v>
      </c>
      <c r="B49" s="17"/>
      <c r="C49" s="13">
        <v>2412</v>
      </c>
      <c r="D49" s="19">
        <v>1247</v>
      </c>
      <c r="E49" s="19">
        <v>1165</v>
      </c>
      <c r="F49" s="19"/>
      <c r="G49" s="18" t="s">
        <v>96</v>
      </c>
      <c r="H49" s="17"/>
      <c r="I49" s="13">
        <v>1163</v>
      </c>
      <c r="J49" s="19">
        <v>418</v>
      </c>
      <c r="K49" s="19">
        <v>745</v>
      </c>
    </row>
    <row r="50" spans="1:11" ht="15" customHeight="1">
      <c r="A50" s="17" t="s">
        <v>97</v>
      </c>
      <c r="B50" s="17"/>
      <c r="C50" s="13">
        <v>2373</v>
      </c>
      <c r="D50" s="19">
        <v>1219</v>
      </c>
      <c r="E50" s="19">
        <v>1154</v>
      </c>
      <c r="F50" s="19"/>
      <c r="G50" s="18" t="s">
        <v>98</v>
      </c>
      <c r="H50" s="17"/>
      <c r="I50" s="13">
        <v>1047</v>
      </c>
      <c r="J50" s="19">
        <v>379</v>
      </c>
      <c r="K50" s="19">
        <v>668</v>
      </c>
    </row>
    <row r="51" spans="1:11" ht="15" customHeight="1">
      <c r="A51" s="17" t="s">
        <v>99</v>
      </c>
      <c r="B51" s="17"/>
      <c r="C51" s="13">
        <v>2505</v>
      </c>
      <c r="D51" s="19">
        <v>1279</v>
      </c>
      <c r="E51" s="19">
        <v>1226</v>
      </c>
      <c r="F51" s="19"/>
      <c r="G51" s="18" t="s">
        <v>100</v>
      </c>
      <c r="H51" s="17"/>
      <c r="I51" s="13">
        <v>914</v>
      </c>
      <c r="J51" s="19">
        <v>331</v>
      </c>
      <c r="K51" s="19">
        <v>583</v>
      </c>
    </row>
    <row r="52" spans="1:11" ht="15" customHeight="1">
      <c r="A52" s="17" t="s">
        <v>101</v>
      </c>
      <c r="B52" s="17"/>
      <c r="C52" s="13">
        <v>2471</v>
      </c>
      <c r="D52" s="19">
        <v>1267</v>
      </c>
      <c r="E52" s="19">
        <v>1204</v>
      </c>
      <c r="F52" s="19"/>
      <c r="G52" s="18" t="s">
        <v>102</v>
      </c>
      <c r="H52" s="17"/>
      <c r="I52" s="13">
        <v>736</v>
      </c>
      <c r="J52" s="19">
        <v>273</v>
      </c>
      <c r="K52" s="19">
        <v>463</v>
      </c>
    </row>
    <row r="53" spans="1:11" ht="20.100000000000001" customHeight="1">
      <c r="A53" s="17" t="s">
        <v>103</v>
      </c>
      <c r="B53" s="17"/>
      <c r="C53" s="13">
        <v>13643</v>
      </c>
      <c r="D53" s="14">
        <v>7091</v>
      </c>
      <c r="E53" s="14">
        <v>6552</v>
      </c>
      <c r="F53" s="14"/>
      <c r="G53" s="18" t="s">
        <v>104</v>
      </c>
      <c r="H53" s="17"/>
      <c r="I53" s="13">
        <v>2250</v>
      </c>
      <c r="J53" s="14">
        <v>652</v>
      </c>
      <c r="K53" s="14">
        <v>1598</v>
      </c>
    </row>
    <row r="54" spans="1:11" ht="15" customHeight="1">
      <c r="A54" s="17" t="s">
        <v>105</v>
      </c>
      <c r="B54" s="17"/>
      <c r="C54" s="13">
        <v>2622</v>
      </c>
      <c r="D54" s="19">
        <v>1324</v>
      </c>
      <c r="E54" s="19">
        <v>1298</v>
      </c>
      <c r="F54" s="19"/>
      <c r="G54" s="18" t="s">
        <v>106</v>
      </c>
      <c r="H54" s="17"/>
      <c r="I54" s="13">
        <v>658</v>
      </c>
      <c r="J54" s="19">
        <v>202</v>
      </c>
      <c r="K54" s="19">
        <v>456</v>
      </c>
    </row>
    <row r="55" spans="1:11" ht="15" customHeight="1">
      <c r="A55" s="17" t="s">
        <v>107</v>
      </c>
      <c r="B55" s="17"/>
      <c r="C55" s="13">
        <v>2654</v>
      </c>
      <c r="D55" s="19">
        <v>1403</v>
      </c>
      <c r="E55" s="19">
        <v>1251</v>
      </c>
      <c r="F55" s="19"/>
      <c r="G55" s="18" t="s">
        <v>108</v>
      </c>
      <c r="H55" s="17"/>
      <c r="I55" s="13">
        <v>575</v>
      </c>
      <c r="J55" s="19">
        <v>177</v>
      </c>
      <c r="K55" s="19">
        <v>398</v>
      </c>
    </row>
    <row r="56" spans="1:11" ht="15" customHeight="1">
      <c r="A56" s="17" t="s">
        <v>109</v>
      </c>
      <c r="B56" s="17"/>
      <c r="C56" s="13">
        <v>2729</v>
      </c>
      <c r="D56" s="19">
        <v>1425</v>
      </c>
      <c r="E56" s="19">
        <v>1304</v>
      </c>
      <c r="F56" s="19"/>
      <c r="G56" s="18" t="s">
        <v>110</v>
      </c>
      <c r="H56" s="17"/>
      <c r="I56" s="13">
        <v>405</v>
      </c>
      <c r="J56" s="19">
        <v>128</v>
      </c>
      <c r="K56" s="19">
        <v>277</v>
      </c>
    </row>
    <row r="57" spans="1:11" ht="15" customHeight="1">
      <c r="A57" s="17" t="s">
        <v>111</v>
      </c>
      <c r="B57" s="17"/>
      <c r="C57" s="13">
        <v>2797</v>
      </c>
      <c r="D57" s="19">
        <v>1450</v>
      </c>
      <c r="E57" s="19">
        <v>1347</v>
      </c>
      <c r="F57" s="19"/>
      <c r="G57" s="18" t="s">
        <v>112</v>
      </c>
      <c r="H57" s="17"/>
      <c r="I57" s="13">
        <v>363</v>
      </c>
      <c r="J57" s="19">
        <v>85</v>
      </c>
      <c r="K57" s="19">
        <v>278</v>
      </c>
    </row>
    <row r="58" spans="1:11" ht="15" customHeight="1">
      <c r="A58" s="17" t="s">
        <v>113</v>
      </c>
      <c r="B58" s="17"/>
      <c r="C58" s="13">
        <v>2841</v>
      </c>
      <c r="D58" s="19">
        <v>1489</v>
      </c>
      <c r="E58" s="19">
        <v>1352</v>
      </c>
      <c r="F58" s="19"/>
      <c r="G58" s="18" t="s">
        <v>114</v>
      </c>
      <c r="H58" s="17"/>
      <c r="I58" s="13">
        <v>249</v>
      </c>
      <c r="J58" s="19">
        <v>60</v>
      </c>
      <c r="K58" s="19">
        <v>189</v>
      </c>
    </row>
    <row r="59" spans="1:11" ht="20.100000000000001" customHeight="1">
      <c r="A59" s="17" t="s">
        <v>115</v>
      </c>
      <c r="B59" s="17"/>
      <c r="C59" s="13">
        <v>16218</v>
      </c>
      <c r="D59" s="14">
        <v>8322</v>
      </c>
      <c r="E59" s="14">
        <v>7896</v>
      </c>
      <c r="F59" s="14"/>
      <c r="G59" s="18" t="s">
        <v>116</v>
      </c>
      <c r="H59" s="17"/>
      <c r="I59" s="13">
        <v>460</v>
      </c>
      <c r="J59" s="14">
        <v>103</v>
      </c>
      <c r="K59" s="14">
        <v>357</v>
      </c>
    </row>
    <row r="60" spans="1:11" ht="15" customHeight="1">
      <c r="A60" s="17" t="s">
        <v>117</v>
      </c>
      <c r="B60" s="17"/>
      <c r="C60" s="13">
        <v>2989</v>
      </c>
      <c r="D60" s="19">
        <v>1515</v>
      </c>
      <c r="E60" s="19">
        <v>1474</v>
      </c>
      <c r="F60" s="19"/>
      <c r="G60" s="18" t="s">
        <v>118</v>
      </c>
      <c r="H60" s="17"/>
      <c r="I60" s="13">
        <v>163</v>
      </c>
      <c r="J60" s="19">
        <v>44</v>
      </c>
      <c r="K60" s="19">
        <v>119</v>
      </c>
    </row>
    <row r="61" spans="1:11" ht="15" customHeight="1">
      <c r="A61" s="17" t="s">
        <v>119</v>
      </c>
      <c r="B61" s="17"/>
      <c r="C61" s="13">
        <v>3317</v>
      </c>
      <c r="D61" s="19">
        <v>1736</v>
      </c>
      <c r="E61" s="19">
        <v>1581</v>
      </c>
      <c r="F61" s="19"/>
      <c r="G61" s="18" t="s">
        <v>120</v>
      </c>
      <c r="H61" s="17"/>
      <c r="I61" s="13">
        <v>142</v>
      </c>
      <c r="J61" s="19">
        <v>35</v>
      </c>
      <c r="K61" s="19">
        <v>107</v>
      </c>
    </row>
    <row r="62" spans="1:11" ht="15" customHeight="1">
      <c r="A62" s="17" t="s">
        <v>121</v>
      </c>
      <c r="B62" s="17"/>
      <c r="C62" s="13">
        <v>3313</v>
      </c>
      <c r="D62" s="19">
        <v>1714</v>
      </c>
      <c r="E62" s="19">
        <v>1599</v>
      </c>
      <c r="F62" s="19"/>
      <c r="G62" s="18" t="s">
        <v>122</v>
      </c>
      <c r="H62" s="17"/>
      <c r="I62" s="13">
        <v>85</v>
      </c>
      <c r="J62" s="19">
        <v>9</v>
      </c>
      <c r="K62" s="19">
        <v>76</v>
      </c>
    </row>
    <row r="63" spans="1:11" ht="15" customHeight="1">
      <c r="A63" s="17" t="s">
        <v>123</v>
      </c>
      <c r="B63" s="17"/>
      <c r="C63" s="13">
        <v>3334</v>
      </c>
      <c r="D63" s="19">
        <v>1678</v>
      </c>
      <c r="E63" s="19">
        <v>1656</v>
      </c>
      <c r="F63" s="19"/>
      <c r="G63" s="18" t="s">
        <v>124</v>
      </c>
      <c r="H63" s="17"/>
      <c r="I63" s="13">
        <v>53</v>
      </c>
      <c r="J63" s="19">
        <v>15</v>
      </c>
      <c r="K63" s="19">
        <v>38</v>
      </c>
    </row>
    <row r="64" spans="1:11" ht="15" customHeight="1">
      <c r="A64" s="17" t="s">
        <v>125</v>
      </c>
      <c r="B64" s="17"/>
      <c r="C64" s="13">
        <v>3265</v>
      </c>
      <c r="D64" s="19">
        <v>1679</v>
      </c>
      <c r="E64" s="19">
        <v>1586</v>
      </c>
      <c r="F64" s="19"/>
      <c r="G64" s="18" t="s">
        <v>126</v>
      </c>
      <c r="H64" s="17"/>
      <c r="I64" s="13">
        <v>17</v>
      </c>
      <c r="J64" s="19">
        <v>0</v>
      </c>
      <c r="K64" s="19">
        <v>1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</v>
      </c>
      <c r="J65" s="19">
        <v>3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85</v>
      </c>
      <c r="J66" s="29">
        <v>925</v>
      </c>
      <c r="K66" s="29">
        <v>560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7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05939</v>
      </c>
      <c r="D4" s="14">
        <v>102337</v>
      </c>
      <c r="E4" s="14">
        <v>1036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075</v>
      </c>
      <c r="D5" s="14">
        <v>3668</v>
      </c>
      <c r="E5" s="14">
        <v>3407</v>
      </c>
      <c r="F5" s="14"/>
      <c r="G5" s="18" t="s">
        <v>8</v>
      </c>
      <c r="H5" s="17"/>
      <c r="I5" s="13">
        <v>15596</v>
      </c>
      <c r="J5" s="14">
        <v>7996</v>
      </c>
      <c r="K5" s="14">
        <v>7600</v>
      </c>
    </row>
    <row r="6" spans="1:11" ht="15" customHeight="1">
      <c r="A6" s="17" t="s">
        <v>9</v>
      </c>
      <c r="B6" s="17"/>
      <c r="C6" s="13">
        <v>1290</v>
      </c>
      <c r="D6" s="19">
        <v>679</v>
      </c>
      <c r="E6" s="19">
        <v>611</v>
      </c>
      <c r="F6" s="19"/>
      <c r="G6" s="18" t="s">
        <v>10</v>
      </c>
      <c r="H6" s="17"/>
      <c r="I6" s="13">
        <v>3272</v>
      </c>
      <c r="J6" s="19">
        <v>1633</v>
      </c>
      <c r="K6" s="19">
        <v>1639</v>
      </c>
    </row>
    <row r="7" spans="1:11" ht="15" customHeight="1">
      <c r="A7" s="17" t="s">
        <v>11</v>
      </c>
      <c r="B7" s="17"/>
      <c r="C7" s="13">
        <v>1374</v>
      </c>
      <c r="D7" s="19">
        <v>706</v>
      </c>
      <c r="E7" s="19">
        <v>668</v>
      </c>
      <c r="F7" s="19"/>
      <c r="G7" s="18" t="s">
        <v>12</v>
      </c>
      <c r="H7" s="17"/>
      <c r="I7" s="13">
        <v>3358</v>
      </c>
      <c r="J7" s="19">
        <v>1756</v>
      </c>
      <c r="K7" s="19">
        <v>1602</v>
      </c>
    </row>
    <row r="8" spans="1:11" ht="15" customHeight="1">
      <c r="A8" s="17" t="s">
        <v>13</v>
      </c>
      <c r="B8" s="17"/>
      <c r="C8" s="13">
        <v>1451</v>
      </c>
      <c r="D8" s="19">
        <v>741</v>
      </c>
      <c r="E8" s="19">
        <v>710</v>
      </c>
      <c r="F8" s="19"/>
      <c r="G8" s="18" t="s">
        <v>14</v>
      </c>
      <c r="H8" s="17"/>
      <c r="I8" s="13">
        <v>3336</v>
      </c>
      <c r="J8" s="19">
        <v>1682</v>
      </c>
      <c r="K8" s="19">
        <v>1654</v>
      </c>
    </row>
    <row r="9" spans="1:11" ht="15" customHeight="1">
      <c r="A9" s="17" t="s">
        <v>15</v>
      </c>
      <c r="B9" s="17"/>
      <c r="C9" s="13">
        <v>1551</v>
      </c>
      <c r="D9" s="19">
        <v>822</v>
      </c>
      <c r="E9" s="19">
        <v>729</v>
      </c>
      <c r="F9" s="19"/>
      <c r="G9" s="18" t="s">
        <v>16</v>
      </c>
      <c r="H9" s="17"/>
      <c r="I9" s="13">
        <v>2458</v>
      </c>
      <c r="J9" s="19">
        <v>1234</v>
      </c>
      <c r="K9" s="19">
        <v>1224</v>
      </c>
    </row>
    <row r="10" spans="1:11" ht="15" customHeight="1">
      <c r="A10" s="17" t="s">
        <v>17</v>
      </c>
      <c r="B10" s="17"/>
      <c r="C10" s="13">
        <v>1409</v>
      </c>
      <c r="D10" s="19">
        <v>720</v>
      </c>
      <c r="E10" s="19">
        <v>689</v>
      </c>
      <c r="F10" s="19"/>
      <c r="G10" s="18" t="s">
        <v>18</v>
      </c>
      <c r="H10" s="17"/>
      <c r="I10" s="13">
        <v>3172</v>
      </c>
      <c r="J10" s="19">
        <v>1691</v>
      </c>
      <c r="K10" s="19">
        <v>1481</v>
      </c>
    </row>
    <row r="11" spans="1:11" ht="20.100000000000001" customHeight="1">
      <c r="A11" s="17" t="s">
        <v>19</v>
      </c>
      <c r="B11" s="17"/>
      <c r="C11" s="13">
        <v>7368</v>
      </c>
      <c r="D11" s="14">
        <v>3795</v>
      </c>
      <c r="E11" s="14">
        <v>3573</v>
      </c>
      <c r="F11" s="14"/>
      <c r="G11" s="18" t="s">
        <v>20</v>
      </c>
      <c r="H11" s="17"/>
      <c r="I11" s="13">
        <v>13716</v>
      </c>
      <c r="J11" s="14">
        <v>7076</v>
      </c>
      <c r="K11" s="14">
        <v>6640</v>
      </c>
    </row>
    <row r="12" spans="1:11" ht="15" customHeight="1">
      <c r="A12" s="17" t="s">
        <v>21</v>
      </c>
      <c r="B12" s="17"/>
      <c r="C12" s="13">
        <v>1428</v>
      </c>
      <c r="D12" s="19">
        <v>749</v>
      </c>
      <c r="E12" s="19">
        <v>679</v>
      </c>
      <c r="F12" s="19"/>
      <c r="G12" s="18" t="s">
        <v>22</v>
      </c>
      <c r="H12" s="17"/>
      <c r="I12" s="13">
        <v>3006</v>
      </c>
      <c r="J12" s="19">
        <v>1534</v>
      </c>
      <c r="K12" s="19">
        <v>1472</v>
      </c>
    </row>
    <row r="13" spans="1:11" ht="15" customHeight="1">
      <c r="A13" s="17" t="s">
        <v>23</v>
      </c>
      <c r="B13" s="17"/>
      <c r="C13" s="13">
        <v>1468</v>
      </c>
      <c r="D13" s="19">
        <v>762</v>
      </c>
      <c r="E13" s="19">
        <v>706</v>
      </c>
      <c r="F13" s="19"/>
      <c r="G13" s="18" t="s">
        <v>24</v>
      </c>
      <c r="H13" s="17"/>
      <c r="I13" s="13">
        <v>2922</v>
      </c>
      <c r="J13" s="19">
        <v>1474</v>
      </c>
      <c r="K13" s="19">
        <v>1448</v>
      </c>
    </row>
    <row r="14" spans="1:11" ht="15" customHeight="1">
      <c r="A14" s="17" t="s">
        <v>25</v>
      </c>
      <c r="B14" s="17"/>
      <c r="C14" s="13">
        <v>1469</v>
      </c>
      <c r="D14" s="19">
        <v>747</v>
      </c>
      <c r="E14" s="19">
        <v>722</v>
      </c>
      <c r="F14" s="19"/>
      <c r="G14" s="18" t="s">
        <v>26</v>
      </c>
      <c r="H14" s="17"/>
      <c r="I14" s="13">
        <v>2796</v>
      </c>
      <c r="J14" s="19">
        <v>1432</v>
      </c>
      <c r="K14" s="19">
        <v>1364</v>
      </c>
    </row>
    <row r="15" spans="1:11" ht="15" customHeight="1">
      <c r="A15" s="17" t="s">
        <v>27</v>
      </c>
      <c r="B15" s="17"/>
      <c r="C15" s="13">
        <v>1479</v>
      </c>
      <c r="D15" s="19">
        <v>760</v>
      </c>
      <c r="E15" s="19">
        <v>719</v>
      </c>
      <c r="F15" s="19"/>
      <c r="G15" s="18" t="s">
        <v>28</v>
      </c>
      <c r="H15" s="17"/>
      <c r="I15" s="13">
        <v>2538</v>
      </c>
      <c r="J15" s="19">
        <v>1321</v>
      </c>
      <c r="K15" s="19">
        <v>1217</v>
      </c>
    </row>
    <row r="16" spans="1:11" ht="15" customHeight="1">
      <c r="A16" s="17" t="s">
        <v>29</v>
      </c>
      <c r="B16" s="17"/>
      <c r="C16" s="13">
        <v>1524</v>
      </c>
      <c r="D16" s="19">
        <v>777</v>
      </c>
      <c r="E16" s="19">
        <v>747</v>
      </c>
      <c r="F16" s="19"/>
      <c r="G16" s="18" t="s">
        <v>30</v>
      </c>
      <c r="H16" s="17"/>
      <c r="I16" s="13">
        <v>2454</v>
      </c>
      <c r="J16" s="19">
        <v>1315</v>
      </c>
      <c r="K16" s="19">
        <v>1139</v>
      </c>
    </row>
    <row r="17" spans="1:11" ht="20.100000000000001" customHeight="1">
      <c r="A17" s="20" t="s">
        <v>31</v>
      </c>
      <c r="B17" s="20"/>
      <c r="C17" s="13">
        <v>7716</v>
      </c>
      <c r="D17" s="14">
        <v>3893</v>
      </c>
      <c r="E17" s="14">
        <v>3823</v>
      </c>
      <c r="F17" s="14"/>
      <c r="G17" s="18" t="s">
        <v>32</v>
      </c>
      <c r="H17" s="17"/>
      <c r="I17" s="13">
        <v>11306</v>
      </c>
      <c r="J17" s="14">
        <v>5768</v>
      </c>
      <c r="K17" s="14">
        <v>5538</v>
      </c>
    </row>
    <row r="18" spans="1:11" ht="15" customHeight="1">
      <c r="A18" s="17" t="s">
        <v>33</v>
      </c>
      <c r="B18" s="17"/>
      <c r="C18" s="13">
        <v>1517</v>
      </c>
      <c r="D18" s="19">
        <v>780</v>
      </c>
      <c r="E18" s="19">
        <v>737</v>
      </c>
      <c r="F18" s="19"/>
      <c r="G18" s="18" t="s">
        <v>34</v>
      </c>
      <c r="H18" s="17"/>
      <c r="I18" s="13">
        <v>2429</v>
      </c>
      <c r="J18" s="19">
        <v>1245</v>
      </c>
      <c r="K18" s="19">
        <v>1184</v>
      </c>
    </row>
    <row r="19" spans="1:11" ht="15" customHeight="1">
      <c r="A19" s="17" t="s">
        <v>35</v>
      </c>
      <c r="B19" s="17"/>
      <c r="C19" s="13">
        <v>1542</v>
      </c>
      <c r="D19" s="19">
        <v>787</v>
      </c>
      <c r="E19" s="19">
        <v>755</v>
      </c>
      <c r="F19" s="19"/>
      <c r="G19" s="18" t="s">
        <v>36</v>
      </c>
      <c r="H19" s="17"/>
      <c r="I19" s="13">
        <v>2258</v>
      </c>
      <c r="J19" s="19">
        <v>1138</v>
      </c>
      <c r="K19" s="19">
        <v>1120</v>
      </c>
    </row>
    <row r="20" spans="1:11" ht="15" customHeight="1">
      <c r="A20" s="17" t="s">
        <v>37</v>
      </c>
      <c r="B20" s="17"/>
      <c r="C20" s="13">
        <v>1598</v>
      </c>
      <c r="D20" s="19">
        <v>787</v>
      </c>
      <c r="E20" s="19">
        <v>811</v>
      </c>
      <c r="F20" s="19"/>
      <c r="G20" s="18" t="s">
        <v>38</v>
      </c>
      <c r="H20" s="17"/>
      <c r="I20" s="13">
        <v>2199</v>
      </c>
      <c r="J20" s="19">
        <v>1115</v>
      </c>
      <c r="K20" s="19">
        <v>1084</v>
      </c>
    </row>
    <row r="21" spans="1:11" ht="15" customHeight="1">
      <c r="A21" s="17" t="s">
        <v>39</v>
      </c>
      <c r="B21" s="17"/>
      <c r="C21" s="13">
        <v>1523</v>
      </c>
      <c r="D21" s="19">
        <v>735</v>
      </c>
      <c r="E21" s="19">
        <v>788</v>
      </c>
      <c r="F21" s="19"/>
      <c r="G21" s="18" t="s">
        <v>40</v>
      </c>
      <c r="H21" s="17"/>
      <c r="I21" s="13">
        <v>2254</v>
      </c>
      <c r="J21" s="19">
        <v>1167</v>
      </c>
      <c r="K21" s="19">
        <v>1087</v>
      </c>
    </row>
    <row r="22" spans="1:11" ht="15" customHeight="1">
      <c r="A22" s="17" t="s">
        <v>41</v>
      </c>
      <c r="B22" s="17"/>
      <c r="C22" s="13">
        <v>1536</v>
      </c>
      <c r="D22" s="19">
        <v>804</v>
      </c>
      <c r="E22" s="19">
        <v>732</v>
      </c>
      <c r="F22" s="19"/>
      <c r="G22" s="18" t="s">
        <v>42</v>
      </c>
      <c r="H22" s="17"/>
      <c r="I22" s="13">
        <v>2166</v>
      </c>
      <c r="J22" s="19">
        <v>1103</v>
      </c>
      <c r="K22" s="19">
        <v>1063</v>
      </c>
    </row>
    <row r="23" spans="1:11" ht="20.100000000000001" customHeight="1">
      <c r="A23" s="17" t="s">
        <v>43</v>
      </c>
      <c r="B23" s="17"/>
      <c r="C23" s="13">
        <v>8921</v>
      </c>
      <c r="D23" s="14">
        <v>4619</v>
      </c>
      <c r="E23" s="14">
        <v>4302</v>
      </c>
      <c r="F23" s="14"/>
      <c r="G23" s="18" t="s">
        <v>44</v>
      </c>
      <c r="H23" s="17"/>
      <c r="I23" s="13">
        <v>12153</v>
      </c>
      <c r="J23" s="14">
        <v>5931</v>
      </c>
      <c r="K23" s="14">
        <v>6222</v>
      </c>
    </row>
    <row r="24" spans="1:11" ht="15" customHeight="1">
      <c r="A24" s="17" t="s">
        <v>45</v>
      </c>
      <c r="B24" s="17"/>
      <c r="C24" s="13">
        <v>1642</v>
      </c>
      <c r="D24" s="19">
        <v>837</v>
      </c>
      <c r="E24" s="19">
        <v>805</v>
      </c>
      <c r="F24" s="19"/>
      <c r="G24" s="18" t="s">
        <v>46</v>
      </c>
      <c r="H24" s="17"/>
      <c r="I24" s="13">
        <v>2199</v>
      </c>
      <c r="J24" s="19">
        <v>1067</v>
      </c>
      <c r="K24" s="19">
        <v>1132</v>
      </c>
    </row>
    <row r="25" spans="1:11" ht="15" customHeight="1">
      <c r="A25" s="17" t="s">
        <v>47</v>
      </c>
      <c r="B25" s="17"/>
      <c r="C25" s="13">
        <v>1697</v>
      </c>
      <c r="D25" s="19">
        <v>884</v>
      </c>
      <c r="E25" s="19">
        <v>813</v>
      </c>
      <c r="F25" s="19"/>
      <c r="G25" s="18" t="s">
        <v>48</v>
      </c>
      <c r="H25" s="17"/>
      <c r="I25" s="13">
        <v>2235</v>
      </c>
      <c r="J25" s="19">
        <v>1080</v>
      </c>
      <c r="K25" s="19">
        <v>1155</v>
      </c>
    </row>
    <row r="26" spans="1:11" ht="15" customHeight="1">
      <c r="A26" s="17" t="s">
        <v>49</v>
      </c>
      <c r="B26" s="17"/>
      <c r="C26" s="13">
        <v>1729</v>
      </c>
      <c r="D26" s="19">
        <v>882</v>
      </c>
      <c r="E26" s="19">
        <v>847</v>
      </c>
      <c r="F26" s="19"/>
      <c r="G26" s="18" t="s">
        <v>50</v>
      </c>
      <c r="H26" s="17"/>
      <c r="I26" s="13">
        <v>2423</v>
      </c>
      <c r="J26" s="19">
        <v>1196</v>
      </c>
      <c r="K26" s="19">
        <v>1227</v>
      </c>
    </row>
    <row r="27" spans="1:11" ht="15" customHeight="1">
      <c r="A27" s="17" t="s">
        <v>51</v>
      </c>
      <c r="B27" s="17"/>
      <c r="C27" s="13">
        <v>1836</v>
      </c>
      <c r="D27" s="19">
        <v>972</v>
      </c>
      <c r="E27" s="19">
        <v>864</v>
      </c>
      <c r="F27" s="19"/>
      <c r="G27" s="18" t="s">
        <v>52</v>
      </c>
      <c r="H27" s="17"/>
      <c r="I27" s="13">
        <v>2548</v>
      </c>
      <c r="J27" s="19">
        <v>1256</v>
      </c>
      <c r="K27" s="19">
        <v>1292</v>
      </c>
    </row>
    <row r="28" spans="1:11" ht="15" customHeight="1">
      <c r="A28" s="17" t="s">
        <v>53</v>
      </c>
      <c r="B28" s="17"/>
      <c r="C28" s="13">
        <v>2017</v>
      </c>
      <c r="D28" s="19">
        <v>1044</v>
      </c>
      <c r="E28" s="19">
        <v>973</v>
      </c>
      <c r="F28" s="19"/>
      <c r="G28" s="18" t="s">
        <v>54</v>
      </c>
      <c r="H28" s="17"/>
      <c r="I28" s="13">
        <v>2748</v>
      </c>
      <c r="J28" s="19">
        <v>1332</v>
      </c>
      <c r="K28" s="19">
        <v>1416</v>
      </c>
    </row>
    <row r="29" spans="1:11" ht="20.100000000000001" customHeight="1">
      <c r="A29" s="17" t="s">
        <v>55</v>
      </c>
      <c r="B29" s="17"/>
      <c r="C29" s="13">
        <v>12748</v>
      </c>
      <c r="D29" s="14">
        <v>6745</v>
      </c>
      <c r="E29" s="14">
        <v>6003</v>
      </c>
      <c r="F29" s="14"/>
      <c r="G29" s="18" t="s">
        <v>56</v>
      </c>
      <c r="H29" s="17"/>
      <c r="I29" s="13">
        <v>13002</v>
      </c>
      <c r="J29" s="14">
        <v>6044</v>
      </c>
      <c r="K29" s="14">
        <v>6958</v>
      </c>
    </row>
    <row r="30" spans="1:11" ht="15" customHeight="1">
      <c r="A30" s="17" t="s">
        <v>57</v>
      </c>
      <c r="B30" s="17"/>
      <c r="C30" s="13">
        <v>2177</v>
      </c>
      <c r="D30" s="19">
        <v>1143</v>
      </c>
      <c r="E30" s="19">
        <v>1034</v>
      </c>
      <c r="F30" s="19"/>
      <c r="G30" s="18" t="s">
        <v>58</v>
      </c>
      <c r="H30" s="17"/>
      <c r="I30" s="13">
        <v>3151</v>
      </c>
      <c r="J30" s="19">
        <v>1457</v>
      </c>
      <c r="K30" s="19">
        <v>1694</v>
      </c>
    </row>
    <row r="31" spans="1:11" ht="15" customHeight="1">
      <c r="A31" s="17" t="s">
        <v>59</v>
      </c>
      <c r="B31" s="17"/>
      <c r="C31" s="13">
        <v>2322</v>
      </c>
      <c r="D31" s="19">
        <v>1194</v>
      </c>
      <c r="E31" s="19">
        <v>1128</v>
      </c>
      <c r="F31" s="19"/>
      <c r="G31" s="18" t="s">
        <v>60</v>
      </c>
      <c r="H31" s="17"/>
      <c r="I31" s="13">
        <v>2986</v>
      </c>
      <c r="J31" s="19">
        <v>1394</v>
      </c>
      <c r="K31" s="19">
        <v>1592</v>
      </c>
    </row>
    <row r="32" spans="1:11" ht="15" customHeight="1">
      <c r="A32" s="17" t="s">
        <v>61</v>
      </c>
      <c r="B32" s="17"/>
      <c r="C32" s="13">
        <v>2494</v>
      </c>
      <c r="D32" s="19">
        <v>1312</v>
      </c>
      <c r="E32" s="19">
        <v>1182</v>
      </c>
      <c r="F32" s="19"/>
      <c r="G32" s="18" t="s">
        <v>62</v>
      </c>
      <c r="H32" s="17"/>
      <c r="I32" s="13">
        <v>3024</v>
      </c>
      <c r="J32" s="19">
        <v>1443</v>
      </c>
      <c r="K32" s="19">
        <v>1581</v>
      </c>
    </row>
    <row r="33" spans="1:11" ht="15" customHeight="1">
      <c r="A33" s="17" t="s">
        <v>63</v>
      </c>
      <c r="B33" s="17"/>
      <c r="C33" s="13">
        <v>3050</v>
      </c>
      <c r="D33" s="19">
        <v>1667</v>
      </c>
      <c r="E33" s="19">
        <v>1383</v>
      </c>
      <c r="F33" s="19"/>
      <c r="G33" s="18" t="s">
        <v>64</v>
      </c>
      <c r="H33" s="17"/>
      <c r="I33" s="13">
        <v>1967</v>
      </c>
      <c r="J33" s="19">
        <v>920</v>
      </c>
      <c r="K33" s="19">
        <v>1047</v>
      </c>
    </row>
    <row r="34" spans="1:11" ht="15" customHeight="1">
      <c r="A34" s="17" t="s">
        <v>65</v>
      </c>
      <c r="B34" s="17"/>
      <c r="C34" s="13">
        <v>2705</v>
      </c>
      <c r="D34" s="19">
        <v>1429</v>
      </c>
      <c r="E34" s="19">
        <v>1276</v>
      </c>
      <c r="F34" s="19"/>
      <c r="G34" s="18" t="s">
        <v>66</v>
      </c>
      <c r="H34" s="17"/>
      <c r="I34" s="13">
        <v>1874</v>
      </c>
      <c r="J34" s="19">
        <v>830</v>
      </c>
      <c r="K34" s="19">
        <v>1044</v>
      </c>
    </row>
    <row r="35" spans="1:11" ht="20.100000000000001" customHeight="1">
      <c r="A35" s="17" t="s">
        <v>67</v>
      </c>
      <c r="B35" s="17"/>
      <c r="C35" s="13">
        <v>11938</v>
      </c>
      <c r="D35" s="14">
        <v>6573</v>
      </c>
      <c r="E35" s="14">
        <v>5365</v>
      </c>
      <c r="F35" s="14"/>
      <c r="G35" s="18" t="s">
        <v>68</v>
      </c>
      <c r="H35" s="17"/>
      <c r="I35" s="13">
        <v>11364</v>
      </c>
      <c r="J35" s="14">
        <v>4937</v>
      </c>
      <c r="K35" s="14">
        <v>6427</v>
      </c>
    </row>
    <row r="36" spans="1:11" ht="15" customHeight="1">
      <c r="A36" s="17" t="s">
        <v>69</v>
      </c>
      <c r="B36" s="17"/>
      <c r="C36" s="13">
        <v>2797</v>
      </c>
      <c r="D36" s="19">
        <v>1530</v>
      </c>
      <c r="E36" s="19">
        <v>1267</v>
      </c>
      <c r="F36" s="19"/>
      <c r="G36" s="18" t="s">
        <v>70</v>
      </c>
      <c r="H36" s="17"/>
      <c r="I36" s="13">
        <v>2234</v>
      </c>
      <c r="J36" s="19">
        <v>994</v>
      </c>
      <c r="K36" s="19">
        <v>1240</v>
      </c>
    </row>
    <row r="37" spans="1:11" ht="15" customHeight="1">
      <c r="A37" s="17" t="s">
        <v>71</v>
      </c>
      <c r="B37" s="17"/>
      <c r="C37" s="13">
        <v>2568</v>
      </c>
      <c r="D37" s="19">
        <v>1405</v>
      </c>
      <c r="E37" s="19">
        <v>1163</v>
      </c>
      <c r="F37" s="19"/>
      <c r="G37" s="18" t="s">
        <v>72</v>
      </c>
      <c r="H37" s="17"/>
      <c r="I37" s="13">
        <v>2334</v>
      </c>
      <c r="J37" s="19">
        <v>1042</v>
      </c>
      <c r="K37" s="19">
        <v>1292</v>
      </c>
    </row>
    <row r="38" spans="1:11" ht="15" customHeight="1">
      <c r="A38" s="17" t="s">
        <v>73</v>
      </c>
      <c r="B38" s="17"/>
      <c r="C38" s="13">
        <v>2344</v>
      </c>
      <c r="D38" s="19">
        <v>1312</v>
      </c>
      <c r="E38" s="19">
        <v>1032</v>
      </c>
      <c r="F38" s="19"/>
      <c r="G38" s="18" t="s">
        <v>74</v>
      </c>
      <c r="H38" s="17"/>
      <c r="I38" s="13">
        <v>2362</v>
      </c>
      <c r="J38" s="19">
        <v>1018</v>
      </c>
      <c r="K38" s="19">
        <v>1344</v>
      </c>
    </row>
    <row r="39" spans="1:11" ht="15" customHeight="1">
      <c r="A39" s="17" t="s">
        <v>75</v>
      </c>
      <c r="B39" s="17"/>
      <c r="C39" s="13">
        <v>2260</v>
      </c>
      <c r="D39" s="19">
        <v>1280</v>
      </c>
      <c r="E39" s="19">
        <v>980</v>
      </c>
      <c r="F39" s="19"/>
      <c r="G39" s="18" t="s">
        <v>76</v>
      </c>
      <c r="H39" s="17"/>
      <c r="I39" s="13">
        <v>2329</v>
      </c>
      <c r="J39" s="19">
        <v>985</v>
      </c>
      <c r="K39" s="19">
        <v>1344</v>
      </c>
    </row>
    <row r="40" spans="1:11" ht="15" customHeight="1">
      <c r="A40" s="17" t="s">
        <v>77</v>
      </c>
      <c r="B40" s="17"/>
      <c r="C40" s="13">
        <v>1969</v>
      </c>
      <c r="D40" s="19">
        <v>1046</v>
      </c>
      <c r="E40" s="19">
        <v>923</v>
      </c>
      <c r="F40" s="19"/>
      <c r="G40" s="18" t="s">
        <v>78</v>
      </c>
      <c r="H40" s="17"/>
      <c r="I40" s="13">
        <v>2105</v>
      </c>
      <c r="J40" s="19">
        <v>898</v>
      </c>
      <c r="K40" s="19">
        <v>1207</v>
      </c>
    </row>
    <row r="41" spans="1:11" ht="20.100000000000001" customHeight="1">
      <c r="A41" s="17" t="s">
        <v>79</v>
      </c>
      <c r="B41" s="17"/>
      <c r="C41" s="13">
        <v>10829</v>
      </c>
      <c r="D41" s="14">
        <v>5647</v>
      </c>
      <c r="E41" s="14">
        <v>5182</v>
      </c>
      <c r="F41" s="14"/>
      <c r="G41" s="18" t="s">
        <v>80</v>
      </c>
      <c r="H41" s="17"/>
      <c r="I41" s="13">
        <v>8581</v>
      </c>
      <c r="J41" s="14">
        <v>3487</v>
      </c>
      <c r="K41" s="14">
        <v>5094</v>
      </c>
    </row>
    <row r="42" spans="1:11" ht="15" customHeight="1">
      <c r="A42" s="17" t="s">
        <v>81</v>
      </c>
      <c r="B42" s="17"/>
      <c r="C42" s="13">
        <v>1909</v>
      </c>
      <c r="D42" s="19">
        <v>1010</v>
      </c>
      <c r="E42" s="19">
        <v>899</v>
      </c>
      <c r="F42" s="19"/>
      <c r="G42" s="18" t="s">
        <v>82</v>
      </c>
      <c r="H42" s="17"/>
      <c r="I42" s="13">
        <v>1822</v>
      </c>
      <c r="J42" s="19">
        <v>774</v>
      </c>
      <c r="K42" s="19">
        <v>1048</v>
      </c>
    </row>
    <row r="43" spans="1:11" ht="15" customHeight="1">
      <c r="A43" s="17" t="s">
        <v>83</v>
      </c>
      <c r="B43" s="17"/>
      <c r="C43" s="13">
        <v>2162</v>
      </c>
      <c r="D43" s="19">
        <v>1132</v>
      </c>
      <c r="E43" s="19">
        <v>1030</v>
      </c>
      <c r="F43" s="19"/>
      <c r="G43" s="18" t="s">
        <v>84</v>
      </c>
      <c r="H43" s="17"/>
      <c r="I43" s="13">
        <v>1711</v>
      </c>
      <c r="J43" s="19">
        <v>722</v>
      </c>
      <c r="K43" s="19">
        <v>989</v>
      </c>
    </row>
    <row r="44" spans="1:11" ht="15" customHeight="1">
      <c r="A44" s="17" t="s">
        <v>85</v>
      </c>
      <c r="B44" s="17"/>
      <c r="C44" s="13">
        <v>2258</v>
      </c>
      <c r="D44" s="19">
        <v>1200</v>
      </c>
      <c r="E44" s="19">
        <v>1058</v>
      </c>
      <c r="F44" s="19"/>
      <c r="G44" s="18" t="s">
        <v>86</v>
      </c>
      <c r="H44" s="17"/>
      <c r="I44" s="13">
        <v>1792</v>
      </c>
      <c r="J44" s="19">
        <v>713</v>
      </c>
      <c r="K44" s="19">
        <v>1079</v>
      </c>
    </row>
    <row r="45" spans="1:11" ht="15" customHeight="1">
      <c r="A45" s="17" t="s">
        <v>87</v>
      </c>
      <c r="B45" s="17"/>
      <c r="C45" s="13">
        <v>2285</v>
      </c>
      <c r="D45" s="19">
        <v>1219</v>
      </c>
      <c r="E45" s="19">
        <v>1066</v>
      </c>
      <c r="F45" s="19"/>
      <c r="G45" s="18" t="s">
        <v>88</v>
      </c>
      <c r="H45" s="17"/>
      <c r="I45" s="13">
        <v>1652</v>
      </c>
      <c r="J45" s="19">
        <v>659</v>
      </c>
      <c r="K45" s="19">
        <v>993</v>
      </c>
    </row>
    <row r="46" spans="1:11" ht="15" customHeight="1">
      <c r="A46" s="17" t="s">
        <v>89</v>
      </c>
      <c r="B46" s="17"/>
      <c r="C46" s="13">
        <v>2215</v>
      </c>
      <c r="D46" s="19">
        <v>1086</v>
      </c>
      <c r="E46" s="19">
        <v>1129</v>
      </c>
      <c r="F46" s="19"/>
      <c r="G46" s="18" t="s">
        <v>90</v>
      </c>
      <c r="H46" s="17"/>
      <c r="I46" s="13">
        <v>1604</v>
      </c>
      <c r="J46" s="19">
        <v>619</v>
      </c>
      <c r="K46" s="19">
        <v>985</v>
      </c>
    </row>
    <row r="47" spans="1:11" ht="20.100000000000001" customHeight="1">
      <c r="A47" s="17" t="s">
        <v>91</v>
      </c>
      <c r="B47" s="17"/>
      <c r="C47" s="13">
        <v>12396</v>
      </c>
      <c r="D47" s="14">
        <v>6356</v>
      </c>
      <c r="E47" s="14">
        <v>6040</v>
      </c>
      <c r="F47" s="14"/>
      <c r="G47" s="18" t="s">
        <v>92</v>
      </c>
      <c r="H47" s="17"/>
      <c r="I47" s="13">
        <v>5777</v>
      </c>
      <c r="J47" s="14">
        <v>2060</v>
      </c>
      <c r="K47" s="14">
        <v>3717</v>
      </c>
    </row>
    <row r="48" spans="1:11" ht="15" customHeight="1">
      <c r="A48" s="17" t="s">
        <v>93</v>
      </c>
      <c r="B48" s="17"/>
      <c r="C48" s="13">
        <v>2472</v>
      </c>
      <c r="D48" s="19">
        <v>1227</v>
      </c>
      <c r="E48" s="19">
        <v>1245</v>
      </c>
      <c r="F48" s="19"/>
      <c r="G48" s="18" t="s">
        <v>94</v>
      </c>
      <c r="H48" s="17"/>
      <c r="I48" s="13">
        <v>1410</v>
      </c>
      <c r="J48" s="19">
        <v>530</v>
      </c>
      <c r="K48" s="19">
        <v>880</v>
      </c>
    </row>
    <row r="49" spans="1:11" ht="15" customHeight="1">
      <c r="A49" s="17" t="s">
        <v>95</v>
      </c>
      <c r="B49" s="17"/>
      <c r="C49" s="13">
        <v>2458</v>
      </c>
      <c r="D49" s="19">
        <v>1304</v>
      </c>
      <c r="E49" s="19">
        <v>1154</v>
      </c>
      <c r="F49" s="19"/>
      <c r="G49" s="18" t="s">
        <v>96</v>
      </c>
      <c r="H49" s="17"/>
      <c r="I49" s="13">
        <v>1309</v>
      </c>
      <c r="J49" s="19">
        <v>475</v>
      </c>
      <c r="K49" s="19">
        <v>834</v>
      </c>
    </row>
    <row r="50" spans="1:11" ht="15" customHeight="1">
      <c r="A50" s="17" t="s">
        <v>97</v>
      </c>
      <c r="B50" s="17"/>
      <c r="C50" s="13">
        <v>2436</v>
      </c>
      <c r="D50" s="19">
        <v>1278</v>
      </c>
      <c r="E50" s="19">
        <v>1158</v>
      </c>
      <c r="F50" s="19"/>
      <c r="G50" s="18" t="s">
        <v>98</v>
      </c>
      <c r="H50" s="17"/>
      <c r="I50" s="13">
        <v>1153</v>
      </c>
      <c r="J50" s="19">
        <v>407</v>
      </c>
      <c r="K50" s="19">
        <v>746</v>
      </c>
    </row>
    <row r="51" spans="1:11" ht="15" customHeight="1">
      <c r="A51" s="17" t="s">
        <v>99</v>
      </c>
      <c r="B51" s="17"/>
      <c r="C51" s="13">
        <v>2491</v>
      </c>
      <c r="D51" s="19">
        <v>1246</v>
      </c>
      <c r="E51" s="19">
        <v>1245</v>
      </c>
      <c r="F51" s="19"/>
      <c r="G51" s="18" t="s">
        <v>100</v>
      </c>
      <c r="H51" s="17"/>
      <c r="I51" s="13">
        <v>1043</v>
      </c>
      <c r="J51" s="19">
        <v>345</v>
      </c>
      <c r="K51" s="19">
        <v>698</v>
      </c>
    </row>
    <row r="52" spans="1:11" ht="15" customHeight="1">
      <c r="A52" s="17" t="s">
        <v>101</v>
      </c>
      <c r="B52" s="17"/>
      <c r="C52" s="13">
        <v>2539</v>
      </c>
      <c r="D52" s="19">
        <v>1301</v>
      </c>
      <c r="E52" s="19">
        <v>1238</v>
      </c>
      <c r="F52" s="19"/>
      <c r="G52" s="18" t="s">
        <v>102</v>
      </c>
      <c r="H52" s="17"/>
      <c r="I52" s="13">
        <v>862</v>
      </c>
      <c r="J52" s="19">
        <v>303</v>
      </c>
      <c r="K52" s="19">
        <v>559</v>
      </c>
    </row>
    <row r="53" spans="1:11" ht="20.100000000000001" customHeight="1">
      <c r="A53" s="17" t="s">
        <v>103</v>
      </c>
      <c r="B53" s="17"/>
      <c r="C53" s="13">
        <v>14053</v>
      </c>
      <c r="D53" s="14">
        <v>7329</v>
      </c>
      <c r="E53" s="14">
        <v>6724</v>
      </c>
      <c r="F53" s="14"/>
      <c r="G53" s="18" t="s">
        <v>104</v>
      </c>
      <c r="H53" s="17"/>
      <c r="I53" s="13">
        <v>2570</v>
      </c>
      <c r="J53" s="14">
        <v>763</v>
      </c>
      <c r="K53" s="14">
        <v>1807</v>
      </c>
    </row>
    <row r="54" spans="1:11" ht="15" customHeight="1">
      <c r="A54" s="17" t="s">
        <v>105</v>
      </c>
      <c r="B54" s="17"/>
      <c r="C54" s="13">
        <v>2607</v>
      </c>
      <c r="D54" s="19">
        <v>1375</v>
      </c>
      <c r="E54" s="19">
        <v>1232</v>
      </c>
      <c r="F54" s="19"/>
      <c r="G54" s="18" t="s">
        <v>106</v>
      </c>
      <c r="H54" s="17"/>
      <c r="I54" s="13">
        <v>719</v>
      </c>
      <c r="J54" s="19">
        <v>231</v>
      </c>
      <c r="K54" s="19">
        <v>488</v>
      </c>
    </row>
    <row r="55" spans="1:11" ht="15" customHeight="1">
      <c r="A55" s="17" t="s">
        <v>107</v>
      </c>
      <c r="B55" s="17"/>
      <c r="C55" s="13">
        <v>2841</v>
      </c>
      <c r="D55" s="19">
        <v>1459</v>
      </c>
      <c r="E55" s="19">
        <v>1382</v>
      </c>
      <c r="F55" s="19"/>
      <c r="G55" s="18" t="s">
        <v>108</v>
      </c>
      <c r="H55" s="17"/>
      <c r="I55" s="13">
        <v>627</v>
      </c>
      <c r="J55" s="19">
        <v>194</v>
      </c>
      <c r="K55" s="19">
        <v>433</v>
      </c>
    </row>
    <row r="56" spans="1:11" ht="15" customHeight="1">
      <c r="A56" s="17" t="s">
        <v>109</v>
      </c>
      <c r="B56" s="17"/>
      <c r="C56" s="13">
        <v>2776</v>
      </c>
      <c r="D56" s="19">
        <v>1459</v>
      </c>
      <c r="E56" s="19">
        <v>1317</v>
      </c>
      <c r="F56" s="19"/>
      <c r="G56" s="18" t="s">
        <v>110</v>
      </c>
      <c r="H56" s="17"/>
      <c r="I56" s="13">
        <v>480</v>
      </c>
      <c r="J56" s="19">
        <v>132</v>
      </c>
      <c r="K56" s="19">
        <v>348</v>
      </c>
    </row>
    <row r="57" spans="1:11" ht="15" customHeight="1">
      <c r="A57" s="17" t="s">
        <v>111</v>
      </c>
      <c r="B57" s="17"/>
      <c r="C57" s="13">
        <v>2885</v>
      </c>
      <c r="D57" s="19">
        <v>1484</v>
      </c>
      <c r="E57" s="19">
        <v>1401</v>
      </c>
      <c r="F57" s="19"/>
      <c r="G57" s="18" t="s">
        <v>112</v>
      </c>
      <c r="H57" s="17"/>
      <c r="I57" s="13">
        <v>400</v>
      </c>
      <c r="J57" s="19">
        <v>127</v>
      </c>
      <c r="K57" s="19">
        <v>273</v>
      </c>
    </row>
    <row r="58" spans="1:11" ht="15" customHeight="1">
      <c r="A58" s="17" t="s">
        <v>113</v>
      </c>
      <c r="B58" s="17"/>
      <c r="C58" s="13">
        <v>2944</v>
      </c>
      <c r="D58" s="19">
        <v>1552</v>
      </c>
      <c r="E58" s="19">
        <v>1392</v>
      </c>
      <c r="F58" s="19"/>
      <c r="G58" s="18" t="s">
        <v>114</v>
      </c>
      <c r="H58" s="17"/>
      <c r="I58" s="13">
        <v>344</v>
      </c>
      <c r="J58" s="19">
        <v>79</v>
      </c>
      <c r="K58" s="19">
        <v>265</v>
      </c>
    </row>
    <row r="59" spans="1:11" ht="20.100000000000001" customHeight="1">
      <c r="A59" s="17" t="s">
        <v>115</v>
      </c>
      <c r="B59" s="17"/>
      <c r="C59" s="13">
        <v>16568</v>
      </c>
      <c r="D59" s="14">
        <v>8423</v>
      </c>
      <c r="E59" s="14">
        <v>8145</v>
      </c>
      <c r="F59" s="14"/>
      <c r="G59" s="18" t="s">
        <v>116</v>
      </c>
      <c r="H59" s="17"/>
      <c r="I59" s="13">
        <v>632</v>
      </c>
      <c r="J59" s="14">
        <v>120</v>
      </c>
      <c r="K59" s="14">
        <v>512</v>
      </c>
    </row>
    <row r="60" spans="1:11" ht="15" customHeight="1">
      <c r="A60" s="17" t="s">
        <v>117</v>
      </c>
      <c r="B60" s="17"/>
      <c r="C60" s="13">
        <v>3226</v>
      </c>
      <c r="D60" s="19">
        <v>1650</v>
      </c>
      <c r="E60" s="19">
        <v>1576</v>
      </c>
      <c r="F60" s="19"/>
      <c r="G60" s="18" t="s">
        <v>118</v>
      </c>
      <c r="H60" s="17"/>
      <c r="I60" s="13">
        <v>225</v>
      </c>
      <c r="J60" s="19">
        <v>42</v>
      </c>
      <c r="K60" s="19">
        <v>183</v>
      </c>
    </row>
    <row r="61" spans="1:11" ht="15" customHeight="1">
      <c r="A61" s="17" t="s">
        <v>119</v>
      </c>
      <c r="B61" s="17"/>
      <c r="C61" s="13">
        <v>3309</v>
      </c>
      <c r="D61" s="19">
        <v>1689</v>
      </c>
      <c r="E61" s="19">
        <v>1620</v>
      </c>
      <c r="F61" s="19"/>
      <c r="G61" s="18" t="s">
        <v>120</v>
      </c>
      <c r="H61" s="17"/>
      <c r="I61" s="13">
        <v>164</v>
      </c>
      <c r="J61" s="19">
        <v>37</v>
      </c>
      <c r="K61" s="19">
        <v>127</v>
      </c>
    </row>
    <row r="62" spans="1:11" ht="15" customHeight="1">
      <c r="A62" s="17" t="s">
        <v>121</v>
      </c>
      <c r="B62" s="17"/>
      <c r="C62" s="13">
        <v>3343</v>
      </c>
      <c r="D62" s="19">
        <v>1684</v>
      </c>
      <c r="E62" s="19">
        <v>1659</v>
      </c>
      <c r="F62" s="19"/>
      <c r="G62" s="18" t="s">
        <v>122</v>
      </c>
      <c r="H62" s="17"/>
      <c r="I62" s="13">
        <v>113</v>
      </c>
      <c r="J62" s="19">
        <v>13</v>
      </c>
      <c r="K62" s="19">
        <v>100</v>
      </c>
    </row>
    <row r="63" spans="1:11" ht="15" customHeight="1">
      <c r="A63" s="17" t="s">
        <v>123</v>
      </c>
      <c r="B63" s="17"/>
      <c r="C63" s="13">
        <v>3315</v>
      </c>
      <c r="D63" s="19">
        <v>1677</v>
      </c>
      <c r="E63" s="19">
        <v>1638</v>
      </c>
      <c r="F63" s="19"/>
      <c r="G63" s="18" t="s">
        <v>124</v>
      </c>
      <c r="H63" s="17"/>
      <c r="I63" s="13">
        <v>71</v>
      </c>
      <c r="J63" s="19">
        <v>16</v>
      </c>
      <c r="K63" s="19">
        <v>55</v>
      </c>
    </row>
    <row r="64" spans="1:11" ht="15" customHeight="1">
      <c r="A64" s="17" t="s">
        <v>125</v>
      </c>
      <c r="B64" s="17"/>
      <c r="C64" s="13">
        <v>3375</v>
      </c>
      <c r="D64" s="19">
        <v>1723</v>
      </c>
      <c r="E64" s="19">
        <v>1652</v>
      </c>
      <c r="F64" s="19"/>
      <c r="G64" s="18" t="s">
        <v>126</v>
      </c>
      <c r="H64" s="17"/>
      <c r="I64" s="13">
        <v>59</v>
      </c>
      <c r="J64" s="19">
        <v>12</v>
      </c>
      <c r="K64" s="19">
        <v>4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2</v>
      </c>
      <c r="J65" s="19">
        <v>3</v>
      </c>
      <c r="K65" s="19">
        <v>9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528</v>
      </c>
      <c r="J66" s="29">
        <v>1104</v>
      </c>
      <c r="K66" s="29">
        <v>424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8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6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6347</v>
      </c>
      <c r="D4" s="14">
        <v>81775</v>
      </c>
      <c r="E4" s="14">
        <v>8457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348</v>
      </c>
      <c r="D5" s="14">
        <v>3237</v>
      </c>
      <c r="E5" s="14">
        <v>3111</v>
      </c>
      <c r="F5" s="14"/>
      <c r="G5" s="18" t="s">
        <v>8</v>
      </c>
      <c r="H5" s="17"/>
      <c r="I5" s="13">
        <v>12205</v>
      </c>
      <c r="J5" s="14">
        <v>6189</v>
      </c>
      <c r="K5" s="14">
        <v>6016</v>
      </c>
    </row>
    <row r="6" spans="1:11" ht="15" customHeight="1">
      <c r="A6" s="17" t="s">
        <v>9</v>
      </c>
      <c r="B6" s="17"/>
      <c r="C6" s="13">
        <v>1083</v>
      </c>
      <c r="D6" s="19">
        <v>535</v>
      </c>
      <c r="E6" s="19">
        <v>548</v>
      </c>
      <c r="F6" s="19"/>
      <c r="G6" s="18" t="s">
        <v>10</v>
      </c>
      <c r="H6" s="17"/>
      <c r="I6" s="13">
        <v>2611</v>
      </c>
      <c r="J6" s="19">
        <v>1311</v>
      </c>
      <c r="K6" s="19">
        <v>1300</v>
      </c>
    </row>
    <row r="7" spans="1:11" ht="15" customHeight="1">
      <c r="A7" s="17" t="s">
        <v>11</v>
      </c>
      <c r="B7" s="17"/>
      <c r="C7" s="13">
        <v>1310</v>
      </c>
      <c r="D7" s="19">
        <v>672</v>
      </c>
      <c r="E7" s="19">
        <v>638</v>
      </c>
      <c r="F7" s="19"/>
      <c r="G7" s="18" t="s">
        <v>12</v>
      </c>
      <c r="H7" s="17"/>
      <c r="I7" s="13">
        <v>2565</v>
      </c>
      <c r="J7" s="19">
        <v>1290</v>
      </c>
      <c r="K7" s="19">
        <v>1275</v>
      </c>
    </row>
    <row r="8" spans="1:11" ht="15" customHeight="1">
      <c r="A8" s="17" t="s">
        <v>13</v>
      </c>
      <c r="B8" s="17"/>
      <c r="C8" s="13">
        <v>1311</v>
      </c>
      <c r="D8" s="19">
        <v>668</v>
      </c>
      <c r="E8" s="19">
        <v>643</v>
      </c>
      <c r="F8" s="19"/>
      <c r="G8" s="18" t="s">
        <v>14</v>
      </c>
      <c r="H8" s="17"/>
      <c r="I8" s="13">
        <v>2666</v>
      </c>
      <c r="J8" s="19">
        <v>1345</v>
      </c>
      <c r="K8" s="19">
        <v>1321</v>
      </c>
    </row>
    <row r="9" spans="1:11" ht="15" customHeight="1">
      <c r="A9" s="17" t="s">
        <v>15</v>
      </c>
      <c r="B9" s="17"/>
      <c r="C9" s="13">
        <v>1300</v>
      </c>
      <c r="D9" s="19">
        <v>666</v>
      </c>
      <c r="E9" s="19">
        <v>634</v>
      </c>
      <c r="F9" s="19"/>
      <c r="G9" s="18" t="s">
        <v>16</v>
      </c>
      <c r="H9" s="17"/>
      <c r="I9" s="13">
        <v>1872</v>
      </c>
      <c r="J9" s="19">
        <v>983</v>
      </c>
      <c r="K9" s="19">
        <v>889</v>
      </c>
    </row>
    <row r="10" spans="1:11" ht="15" customHeight="1">
      <c r="A10" s="17" t="s">
        <v>17</v>
      </c>
      <c r="B10" s="17"/>
      <c r="C10" s="13">
        <v>1344</v>
      </c>
      <c r="D10" s="19">
        <v>696</v>
      </c>
      <c r="E10" s="19">
        <v>648</v>
      </c>
      <c r="F10" s="19"/>
      <c r="G10" s="18" t="s">
        <v>18</v>
      </c>
      <c r="H10" s="17"/>
      <c r="I10" s="13">
        <v>2491</v>
      </c>
      <c r="J10" s="19">
        <v>1260</v>
      </c>
      <c r="K10" s="19">
        <v>1231</v>
      </c>
    </row>
    <row r="11" spans="1:11" ht="20.100000000000001" customHeight="1">
      <c r="A11" s="17" t="s">
        <v>19</v>
      </c>
      <c r="B11" s="17"/>
      <c r="C11" s="13">
        <v>6601</v>
      </c>
      <c r="D11" s="14">
        <v>3402</v>
      </c>
      <c r="E11" s="14">
        <v>3199</v>
      </c>
      <c r="F11" s="14"/>
      <c r="G11" s="18" t="s">
        <v>20</v>
      </c>
      <c r="H11" s="17"/>
      <c r="I11" s="13">
        <v>10730</v>
      </c>
      <c r="J11" s="14">
        <v>5397</v>
      </c>
      <c r="K11" s="14">
        <v>5333</v>
      </c>
    </row>
    <row r="12" spans="1:11" ht="15" customHeight="1">
      <c r="A12" s="17" t="s">
        <v>21</v>
      </c>
      <c r="B12" s="17"/>
      <c r="C12" s="13">
        <v>1268</v>
      </c>
      <c r="D12" s="19">
        <v>671</v>
      </c>
      <c r="E12" s="19">
        <v>597</v>
      </c>
      <c r="F12" s="19"/>
      <c r="G12" s="18" t="s">
        <v>22</v>
      </c>
      <c r="H12" s="17"/>
      <c r="I12" s="13">
        <v>2318</v>
      </c>
      <c r="J12" s="19">
        <v>1170</v>
      </c>
      <c r="K12" s="19">
        <v>1148</v>
      </c>
    </row>
    <row r="13" spans="1:11" ht="15" customHeight="1">
      <c r="A13" s="17" t="s">
        <v>23</v>
      </c>
      <c r="B13" s="17"/>
      <c r="C13" s="13">
        <v>1346</v>
      </c>
      <c r="D13" s="19">
        <v>704</v>
      </c>
      <c r="E13" s="19">
        <v>642</v>
      </c>
      <c r="F13" s="19"/>
      <c r="G13" s="18" t="s">
        <v>24</v>
      </c>
      <c r="H13" s="17"/>
      <c r="I13" s="13">
        <v>2242</v>
      </c>
      <c r="J13" s="19">
        <v>1134</v>
      </c>
      <c r="K13" s="19">
        <v>1108</v>
      </c>
    </row>
    <row r="14" spans="1:11" ht="15" customHeight="1">
      <c r="A14" s="17" t="s">
        <v>25</v>
      </c>
      <c r="B14" s="17"/>
      <c r="C14" s="13">
        <v>1378</v>
      </c>
      <c r="D14" s="19">
        <v>694</v>
      </c>
      <c r="E14" s="19">
        <v>684</v>
      </c>
      <c r="F14" s="19"/>
      <c r="G14" s="18" t="s">
        <v>26</v>
      </c>
      <c r="H14" s="17"/>
      <c r="I14" s="13">
        <v>2113</v>
      </c>
      <c r="J14" s="19">
        <v>1052</v>
      </c>
      <c r="K14" s="19">
        <v>1061</v>
      </c>
    </row>
    <row r="15" spans="1:11" ht="15" customHeight="1">
      <c r="A15" s="17" t="s">
        <v>27</v>
      </c>
      <c r="B15" s="17"/>
      <c r="C15" s="13">
        <v>1279</v>
      </c>
      <c r="D15" s="19">
        <v>675</v>
      </c>
      <c r="E15" s="19">
        <v>604</v>
      </c>
      <c r="F15" s="19"/>
      <c r="G15" s="18" t="s">
        <v>28</v>
      </c>
      <c r="H15" s="17"/>
      <c r="I15" s="13">
        <v>2031</v>
      </c>
      <c r="J15" s="19">
        <v>1041</v>
      </c>
      <c r="K15" s="19">
        <v>990</v>
      </c>
    </row>
    <row r="16" spans="1:11" ht="15" customHeight="1">
      <c r="A16" s="17" t="s">
        <v>29</v>
      </c>
      <c r="B16" s="17"/>
      <c r="C16" s="13">
        <v>1330</v>
      </c>
      <c r="D16" s="19">
        <v>658</v>
      </c>
      <c r="E16" s="19">
        <v>672</v>
      </c>
      <c r="F16" s="19"/>
      <c r="G16" s="18" t="s">
        <v>30</v>
      </c>
      <c r="H16" s="17"/>
      <c r="I16" s="13">
        <v>2026</v>
      </c>
      <c r="J16" s="19">
        <v>1000</v>
      </c>
      <c r="K16" s="19">
        <v>1026</v>
      </c>
    </row>
    <row r="17" spans="1:11" ht="20.100000000000001" customHeight="1">
      <c r="A17" s="20" t="s">
        <v>31</v>
      </c>
      <c r="B17" s="20"/>
      <c r="C17" s="13">
        <v>6650</v>
      </c>
      <c r="D17" s="14">
        <v>3453</v>
      </c>
      <c r="E17" s="14">
        <v>3197</v>
      </c>
      <c r="F17" s="14"/>
      <c r="G17" s="18" t="s">
        <v>32</v>
      </c>
      <c r="H17" s="17"/>
      <c r="I17" s="13">
        <v>9357</v>
      </c>
      <c r="J17" s="14">
        <v>4663</v>
      </c>
      <c r="K17" s="14">
        <v>4694</v>
      </c>
    </row>
    <row r="18" spans="1:11" ht="15" customHeight="1">
      <c r="A18" s="17" t="s">
        <v>33</v>
      </c>
      <c r="B18" s="17"/>
      <c r="C18" s="13">
        <v>1361</v>
      </c>
      <c r="D18" s="19">
        <v>716</v>
      </c>
      <c r="E18" s="19">
        <v>645</v>
      </c>
      <c r="F18" s="19"/>
      <c r="G18" s="18" t="s">
        <v>34</v>
      </c>
      <c r="H18" s="17"/>
      <c r="I18" s="13">
        <v>1886</v>
      </c>
      <c r="J18" s="19">
        <v>916</v>
      </c>
      <c r="K18" s="19">
        <v>970</v>
      </c>
    </row>
    <row r="19" spans="1:11" ht="15" customHeight="1">
      <c r="A19" s="17" t="s">
        <v>35</v>
      </c>
      <c r="B19" s="17"/>
      <c r="C19" s="13">
        <v>1399</v>
      </c>
      <c r="D19" s="19">
        <v>718</v>
      </c>
      <c r="E19" s="19">
        <v>681</v>
      </c>
      <c r="F19" s="19"/>
      <c r="G19" s="18" t="s">
        <v>36</v>
      </c>
      <c r="H19" s="17"/>
      <c r="I19" s="13">
        <v>1952</v>
      </c>
      <c r="J19" s="19">
        <v>987</v>
      </c>
      <c r="K19" s="19">
        <v>965</v>
      </c>
    </row>
    <row r="20" spans="1:11" ht="15" customHeight="1">
      <c r="A20" s="17" t="s">
        <v>37</v>
      </c>
      <c r="B20" s="17"/>
      <c r="C20" s="13">
        <v>1344</v>
      </c>
      <c r="D20" s="19">
        <v>706</v>
      </c>
      <c r="E20" s="19">
        <v>638</v>
      </c>
      <c r="F20" s="19"/>
      <c r="G20" s="18" t="s">
        <v>38</v>
      </c>
      <c r="H20" s="17"/>
      <c r="I20" s="13">
        <v>1796</v>
      </c>
      <c r="J20" s="19">
        <v>893</v>
      </c>
      <c r="K20" s="19">
        <v>903</v>
      </c>
    </row>
    <row r="21" spans="1:11" ht="15" customHeight="1">
      <c r="A21" s="17" t="s">
        <v>39</v>
      </c>
      <c r="B21" s="17"/>
      <c r="C21" s="13">
        <v>1282</v>
      </c>
      <c r="D21" s="19">
        <v>663</v>
      </c>
      <c r="E21" s="19">
        <v>619</v>
      </c>
      <c r="F21" s="19"/>
      <c r="G21" s="18" t="s">
        <v>40</v>
      </c>
      <c r="H21" s="17"/>
      <c r="I21" s="13">
        <v>1821</v>
      </c>
      <c r="J21" s="19">
        <v>898</v>
      </c>
      <c r="K21" s="19">
        <v>923</v>
      </c>
    </row>
    <row r="22" spans="1:11" ht="15" customHeight="1">
      <c r="A22" s="17" t="s">
        <v>41</v>
      </c>
      <c r="B22" s="17"/>
      <c r="C22" s="13">
        <v>1264</v>
      </c>
      <c r="D22" s="19">
        <v>650</v>
      </c>
      <c r="E22" s="19">
        <v>614</v>
      </c>
      <c r="F22" s="19"/>
      <c r="G22" s="18" t="s">
        <v>42</v>
      </c>
      <c r="H22" s="17"/>
      <c r="I22" s="13">
        <v>1902</v>
      </c>
      <c r="J22" s="19">
        <v>969</v>
      </c>
      <c r="K22" s="19">
        <v>933</v>
      </c>
    </row>
    <row r="23" spans="1:11" ht="20.100000000000001" customHeight="1">
      <c r="A23" s="17" t="s">
        <v>43</v>
      </c>
      <c r="B23" s="17"/>
      <c r="C23" s="13">
        <v>6987</v>
      </c>
      <c r="D23" s="14">
        <v>3577</v>
      </c>
      <c r="E23" s="14">
        <v>3410</v>
      </c>
      <c r="F23" s="14"/>
      <c r="G23" s="18" t="s">
        <v>44</v>
      </c>
      <c r="H23" s="17"/>
      <c r="I23" s="13">
        <v>10342</v>
      </c>
      <c r="J23" s="14">
        <v>4976</v>
      </c>
      <c r="K23" s="14">
        <v>5366</v>
      </c>
    </row>
    <row r="24" spans="1:11" ht="15" customHeight="1">
      <c r="A24" s="17" t="s">
        <v>45</v>
      </c>
      <c r="B24" s="17"/>
      <c r="C24" s="13">
        <v>1294</v>
      </c>
      <c r="D24" s="19">
        <v>661</v>
      </c>
      <c r="E24" s="19">
        <v>633</v>
      </c>
      <c r="F24" s="19"/>
      <c r="G24" s="18" t="s">
        <v>46</v>
      </c>
      <c r="H24" s="17"/>
      <c r="I24" s="13">
        <v>1778</v>
      </c>
      <c r="J24" s="19">
        <v>897</v>
      </c>
      <c r="K24" s="19">
        <v>881</v>
      </c>
    </row>
    <row r="25" spans="1:11" ht="15" customHeight="1">
      <c r="A25" s="17" t="s">
        <v>47</v>
      </c>
      <c r="B25" s="17"/>
      <c r="C25" s="13">
        <v>1319</v>
      </c>
      <c r="D25" s="19">
        <v>681</v>
      </c>
      <c r="E25" s="19">
        <v>638</v>
      </c>
      <c r="F25" s="19"/>
      <c r="G25" s="18" t="s">
        <v>48</v>
      </c>
      <c r="H25" s="17"/>
      <c r="I25" s="13">
        <v>1911</v>
      </c>
      <c r="J25" s="19">
        <v>886</v>
      </c>
      <c r="K25" s="19">
        <v>1025</v>
      </c>
    </row>
    <row r="26" spans="1:11" ht="15" customHeight="1">
      <c r="A26" s="17" t="s">
        <v>49</v>
      </c>
      <c r="B26" s="17"/>
      <c r="C26" s="13">
        <v>1371</v>
      </c>
      <c r="D26" s="19">
        <v>688</v>
      </c>
      <c r="E26" s="19">
        <v>683</v>
      </c>
      <c r="F26" s="19"/>
      <c r="G26" s="18" t="s">
        <v>50</v>
      </c>
      <c r="H26" s="17"/>
      <c r="I26" s="13">
        <v>2201</v>
      </c>
      <c r="J26" s="19">
        <v>1071</v>
      </c>
      <c r="K26" s="19">
        <v>1130</v>
      </c>
    </row>
    <row r="27" spans="1:11" ht="15" customHeight="1">
      <c r="A27" s="17" t="s">
        <v>51</v>
      </c>
      <c r="B27" s="17"/>
      <c r="C27" s="13">
        <v>1429</v>
      </c>
      <c r="D27" s="19">
        <v>740</v>
      </c>
      <c r="E27" s="19">
        <v>689</v>
      </c>
      <c r="F27" s="19"/>
      <c r="G27" s="18" t="s">
        <v>52</v>
      </c>
      <c r="H27" s="17"/>
      <c r="I27" s="13">
        <v>2153</v>
      </c>
      <c r="J27" s="19">
        <v>1011</v>
      </c>
      <c r="K27" s="19">
        <v>1142</v>
      </c>
    </row>
    <row r="28" spans="1:11" ht="15" customHeight="1">
      <c r="A28" s="17" t="s">
        <v>53</v>
      </c>
      <c r="B28" s="17"/>
      <c r="C28" s="13">
        <v>1574</v>
      </c>
      <c r="D28" s="19">
        <v>807</v>
      </c>
      <c r="E28" s="19">
        <v>767</v>
      </c>
      <c r="F28" s="19"/>
      <c r="G28" s="18" t="s">
        <v>54</v>
      </c>
      <c r="H28" s="17"/>
      <c r="I28" s="13">
        <v>2299</v>
      </c>
      <c r="J28" s="19">
        <v>1111</v>
      </c>
      <c r="K28" s="19">
        <v>1188</v>
      </c>
    </row>
    <row r="29" spans="1:11" ht="20.100000000000001" customHeight="1">
      <c r="A29" s="17" t="s">
        <v>55</v>
      </c>
      <c r="B29" s="17"/>
      <c r="C29" s="13">
        <v>8022</v>
      </c>
      <c r="D29" s="14">
        <v>4135</v>
      </c>
      <c r="E29" s="14">
        <v>3887</v>
      </c>
      <c r="F29" s="14"/>
      <c r="G29" s="18" t="s">
        <v>56</v>
      </c>
      <c r="H29" s="17"/>
      <c r="I29" s="13">
        <v>11390</v>
      </c>
      <c r="J29" s="14">
        <v>5329</v>
      </c>
      <c r="K29" s="14">
        <v>6061</v>
      </c>
    </row>
    <row r="30" spans="1:11" ht="15" customHeight="1">
      <c r="A30" s="17" t="s">
        <v>57</v>
      </c>
      <c r="B30" s="17"/>
      <c r="C30" s="13">
        <v>1537</v>
      </c>
      <c r="D30" s="19">
        <v>788</v>
      </c>
      <c r="E30" s="19">
        <v>749</v>
      </c>
      <c r="F30" s="19"/>
      <c r="G30" s="18" t="s">
        <v>58</v>
      </c>
      <c r="H30" s="17"/>
      <c r="I30" s="13">
        <v>2656</v>
      </c>
      <c r="J30" s="19">
        <v>1278</v>
      </c>
      <c r="K30" s="19">
        <v>1378</v>
      </c>
    </row>
    <row r="31" spans="1:11" ht="15" customHeight="1">
      <c r="A31" s="17" t="s">
        <v>59</v>
      </c>
      <c r="B31" s="17"/>
      <c r="C31" s="13">
        <v>1500</v>
      </c>
      <c r="D31" s="19">
        <v>755</v>
      </c>
      <c r="E31" s="19">
        <v>745</v>
      </c>
      <c r="F31" s="19"/>
      <c r="G31" s="18" t="s">
        <v>60</v>
      </c>
      <c r="H31" s="17"/>
      <c r="I31" s="13">
        <v>2646</v>
      </c>
      <c r="J31" s="19">
        <v>1220</v>
      </c>
      <c r="K31" s="19">
        <v>1426</v>
      </c>
    </row>
    <row r="32" spans="1:11" ht="15" customHeight="1">
      <c r="A32" s="17" t="s">
        <v>61</v>
      </c>
      <c r="B32" s="17"/>
      <c r="C32" s="13">
        <v>1578</v>
      </c>
      <c r="D32" s="19">
        <v>785</v>
      </c>
      <c r="E32" s="19">
        <v>793</v>
      </c>
      <c r="F32" s="19"/>
      <c r="G32" s="18" t="s">
        <v>62</v>
      </c>
      <c r="H32" s="17"/>
      <c r="I32" s="13">
        <v>2591</v>
      </c>
      <c r="J32" s="19">
        <v>1226</v>
      </c>
      <c r="K32" s="19">
        <v>1365</v>
      </c>
    </row>
    <row r="33" spans="1:11" ht="15" customHeight="1">
      <c r="A33" s="17" t="s">
        <v>63</v>
      </c>
      <c r="B33" s="17"/>
      <c r="C33" s="13">
        <v>1693</v>
      </c>
      <c r="D33" s="19">
        <v>893</v>
      </c>
      <c r="E33" s="19">
        <v>800</v>
      </c>
      <c r="F33" s="19"/>
      <c r="G33" s="18" t="s">
        <v>64</v>
      </c>
      <c r="H33" s="17"/>
      <c r="I33" s="13">
        <v>1868</v>
      </c>
      <c r="J33" s="19">
        <v>879</v>
      </c>
      <c r="K33" s="19">
        <v>989</v>
      </c>
    </row>
    <row r="34" spans="1:11" ht="15" customHeight="1">
      <c r="A34" s="17" t="s">
        <v>65</v>
      </c>
      <c r="B34" s="17"/>
      <c r="C34" s="13">
        <v>1714</v>
      </c>
      <c r="D34" s="19">
        <v>914</v>
      </c>
      <c r="E34" s="19">
        <v>800</v>
      </c>
      <c r="F34" s="19"/>
      <c r="G34" s="18" t="s">
        <v>66</v>
      </c>
      <c r="H34" s="17"/>
      <c r="I34" s="13">
        <v>1629</v>
      </c>
      <c r="J34" s="19">
        <v>726</v>
      </c>
      <c r="K34" s="19">
        <v>903</v>
      </c>
    </row>
    <row r="35" spans="1:11" ht="20.100000000000001" customHeight="1">
      <c r="A35" s="17" t="s">
        <v>67</v>
      </c>
      <c r="B35" s="17"/>
      <c r="C35" s="13">
        <v>8238</v>
      </c>
      <c r="D35" s="14">
        <v>4398</v>
      </c>
      <c r="E35" s="14">
        <v>3840</v>
      </c>
      <c r="F35" s="14"/>
      <c r="G35" s="18" t="s">
        <v>68</v>
      </c>
      <c r="H35" s="17"/>
      <c r="I35" s="13">
        <v>9682</v>
      </c>
      <c r="J35" s="14">
        <v>4203</v>
      </c>
      <c r="K35" s="14">
        <v>5479</v>
      </c>
    </row>
    <row r="36" spans="1:11" ht="15" customHeight="1">
      <c r="A36" s="17" t="s">
        <v>69</v>
      </c>
      <c r="B36" s="17"/>
      <c r="C36" s="13">
        <v>1747</v>
      </c>
      <c r="D36" s="19">
        <v>925</v>
      </c>
      <c r="E36" s="19">
        <v>822</v>
      </c>
      <c r="F36" s="19"/>
      <c r="G36" s="18" t="s">
        <v>70</v>
      </c>
      <c r="H36" s="17"/>
      <c r="I36" s="13">
        <v>1994</v>
      </c>
      <c r="J36" s="19">
        <v>904</v>
      </c>
      <c r="K36" s="19">
        <v>1090</v>
      </c>
    </row>
    <row r="37" spans="1:11" ht="15" customHeight="1">
      <c r="A37" s="17" t="s">
        <v>71</v>
      </c>
      <c r="B37" s="17"/>
      <c r="C37" s="13">
        <v>1577</v>
      </c>
      <c r="D37" s="19">
        <v>817</v>
      </c>
      <c r="E37" s="19">
        <v>760</v>
      </c>
      <c r="F37" s="19"/>
      <c r="G37" s="18" t="s">
        <v>72</v>
      </c>
      <c r="H37" s="17"/>
      <c r="I37" s="13">
        <v>2092</v>
      </c>
      <c r="J37" s="19">
        <v>913</v>
      </c>
      <c r="K37" s="19">
        <v>1179</v>
      </c>
    </row>
    <row r="38" spans="1:11" ht="15" customHeight="1">
      <c r="A38" s="17" t="s">
        <v>73</v>
      </c>
      <c r="B38" s="17"/>
      <c r="C38" s="13">
        <v>1630</v>
      </c>
      <c r="D38" s="19">
        <v>856</v>
      </c>
      <c r="E38" s="19">
        <v>774</v>
      </c>
      <c r="F38" s="19"/>
      <c r="G38" s="18" t="s">
        <v>74</v>
      </c>
      <c r="H38" s="17"/>
      <c r="I38" s="13">
        <v>1930</v>
      </c>
      <c r="J38" s="19">
        <v>840</v>
      </c>
      <c r="K38" s="19">
        <v>1090</v>
      </c>
    </row>
    <row r="39" spans="1:11" ht="15" customHeight="1">
      <c r="A39" s="17" t="s">
        <v>75</v>
      </c>
      <c r="B39" s="17"/>
      <c r="C39" s="13">
        <v>1645</v>
      </c>
      <c r="D39" s="19">
        <v>908</v>
      </c>
      <c r="E39" s="19">
        <v>737</v>
      </c>
      <c r="F39" s="19"/>
      <c r="G39" s="18" t="s">
        <v>76</v>
      </c>
      <c r="H39" s="17"/>
      <c r="I39" s="13">
        <v>1959</v>
      </c>
      <c r="J39" s="19">
        <v>844</v>
      </c>
      <c r="K39" s="19">
        <v>1115</v>
      </c>
    </row>
    <row r="40" spans="1:11" ht="15" customHeight="1">
      <c r="A40" s="17" t="s">
        <v>77</v>
      </c>
      <c r="B40" s="17"/>
      <c r="C40" s="13">
        <v>1639</v>
      </c>
      <c r="D40" s="19">
        <v>892</v>
      </c>
      <c r="E40" s="19">
        <v>747</v>
      </c>
      <c r="F40" s="19"/>
      <c r="G40" s="18" t="s">
        <v>78</v>
      </c>
      <c r="H40" s="17"/>
      <c r="I40" s="13">
        <v>1707</v>
      </c>
      <c r="J40" s="19">
        <v>702</v>
      </c>
      <c r="K40" s="19">
        <v>1005</v>
      </c>
    </row>
    <row r="41" spans="1:11" ht="20.100000000000001" customHeight="1">
      <c r="A41" s="17" t="s">
        <v>79</v>
      </c>
      <c r="B41" s="17"/>
      <c r="C41" s="13">
        <v>8979</v>
      </c>
      <c r="D41" s="14">
        <v>4671</v>
      </c>
      <c r="E41" s="14">
        <v>4308</v>
      </c>
      <c r="F41" s="14"/>
      <c r="G41" s="18" t="s">
        <v>80</v>
      </c>
      <c r="H41" s="17"/>
      <c r="I41" s="13">
        <v>7081</v>
      </c>
      <c r="J41" s="14">
        <v>2861</v>
      </c>
      <c r="K41" s="14">
        <v>4220</v>
      </c>
    </row>
    <row r="42" spans="1:11" ht="15" customHeight="1">
      <c r="A42" s="17" t="s">
        <v>81</v>
      </c>
      <c r="B42" s="17"/>
      <c r="C42" s="13">
        <v>1637</v>
      </c>
      <c r="D42" s="19">
        <v>871</v>
      </c>
      <c r="E42" s="19">
        <v>766</v>
      </c>
      <c r="F42" s="19"/>
      <c r="G42" s="18" t="s">
        <v>82</v>
      </c>
      <c r="H42" s="17"/>
      <c r="I42" s="13">
        <v>1598</v>
      </c>
      <c r="J42" s="19">
        <v>692</v>
      </c>
      <c r="K42" s="19">
        <v>906</v>
      </c>
    </row>
    <row r="43" spans="1:11" ht="15" customHeight="1">
      <c r="A43" s="17" t="s">
        <v>83</v>
      </c>
      <c r="B43" s="17"/>
      <c r="C43" s="13">
        <v>1764</v>
      </c>
      <c r="D43" s="19">
        <v>893</v>
      </c>
      <c r="E43" s="19">
        <v>871</v>
      </c>
      <c r="F43" s="19"/>
      <c r="G43" s="18" t="s">
        <v>84</v>
      </c>
      <c r="H43" s="17"/>
      <c r="I43" s="13">
        <v>1317</v>
      </c>
      <c r="J43" s="19">
        <v>549</v>
      </c>
      <c r="K43" s="19">
        <v>768</v>
      </c>
    </row>
    <row r="44" spans="1:11" ht="15" customHeight="1">
      <c r="A44" s="17" t="s">
        <v>85</v>
      </c>
      <c r="B44" s="17"/>
      <c r="C44" s="13">
        <v>1825</v>
      </c>
      <c r="D44" s="19">
        <v>959</v>
      </c>
      <c r="E44" s="19">
        <v>866</v>
      </c>
      <c r="F44" s="19"/>
      <c r="G44" s="18" t="s">
        <v>86</v>
      </c>
      <c r="H44" s="17"/>
      <c r="I44" s="13">
        <v>1458</v>
      </c>
      <c r="J44" s="19">
        <v>577</v>
      </c>
      <c r="K44" s="19">
        <v>881</v>
      </c>
    </row>
    <row r="45" spans="1:11" ht="15" customHeight="1">
      <c r="A45" s="17" t="s">
        <v>87</v>
      </c>
      <c r="B45" s="17"/>
      <c r="C45" s="13">
        <v>1808</v>
      </c>
      <c r="D45" s="19">
        <v>952</v>
      </c>
      <c r="E45" s="19">
        <v>856</v>
      </c>
      <c r="F45" s="19"/>
      <c r="G45" s="18" t="s">
        <v>88</v>
      </c>
      <c r="H45" s="17"/>
      <c r="I45" s="13">
        <v>1367</v>
      </c>
      <c r="J45" s="19">
        <v>519</v>
      </c>
      <c r="K45" s="19">
        <v>848</v>
      </c>
    </row>
    <row r="46" spans="1:11" ht="15" customHeight="1">
      <c r="A46" s="17" t="s">
        <v>89</v>
      </c>
      <c r="B46" s="17"/>
      <c r="C46" s="13">
        <v>1945</v>
      </c>
      <c r="D46" s="19">
        <v>996</v>
      </c>
      <c r="E46" s="19">
        <v>949</v>
      </c>
      <c r="F46" s="19"/>
      <c r="G46" s="18" t="s">
        <v>90</v>
      </c>
      <c r="H46" s="17"/>
      <c r="I46" s="13">
        <v>1341</v>
      </c>
      <c r="J46" s="19">
        <v>524</v>
      </c>
      <c r="K46" s="19">
        <v>817</v>
      </c>
    </row>
    <row r="47" spans="1:11" ht="20.100000000000001" customHeight="1">
      <c r="A47" s="17" t="s">
        <v>91</v>
      </c>
      <c r="B47" s="17"/>
      <c r="C47" s="13">
        <v>10352</v>
      </c>
      <c r="D47" s="14">
        <v>5335</v>
      </c>
      <c r="E47" s="14">
        <v>5017</v>
      </c>
      <c r="F47" s="14"/>
      <c r="G47" s="18" t="s">
        <v>92</v>
      </c>
      <c r="H47" s="17"/>
      <c r="I47" s="13">
        <v>4619</v>
      </c>
      <c r="J47" s="14">
        <v>1659</v>
      </c>
      <c r="K47" s="14">
        <v>2960</v>
      </c>
    </row>
    <row r="48" spans="1:11" ht="15" customHeight="1">
      <c r="A48" s="17" t="s">
        <v>93</v>
      </c>
      <c r="B48" s="17"/>
      <c r="C48" s="13">
        <v>2025</v>
      </c>
      <c r="D48" s="19">
        <v>1027</v>
      </c>
      <c r="E48" s="19">
        <v>998</v>
      </c>
      <c r="F48" s="19"/>
      <c r="G48" s="18" t="s">
        <v>94</v>
      </c>
      <c r="H48" s="17"/>
      <c r="I48" s="13">
        <v>1139</v>
      </c>
      <c r="J48" s="19">
        <v>441</v>
      </c>
      <c r="K48" s="19">
        <v>698</v>
      </c>
    </row>
    <row r="49" spans="1:11" ht="15" customHeight="1">
      <c r="A49" s="17" t="s">
        <v>95</v>
      </c>
      <c r="B49" s="17"/>
      <c r="C49" s="13">
        <v>2074</v>
      </c>
      <c r="D49" s="19">
        <v>1093</v>
      </c>
      <c r="E49" s="19">
        <v>981</v>
      </c>
      <c r="F49" s="19"/>
      <c r="G49" s="18" t="s">
        <v>96</v>
      </c>
      <c r="H49" s="17"/>
      <c r="I49" s="13">
        <v>1026</v>
      </c>
      <c r="J49" s="19">
        <v>373</v>
      </c>
      <c r="K49" s="19">
        <v>653</v>
      </c>
    </row>
    <row r="50" spans="1:11" ht="15" customHeight="1">
      <c r="A50" s="17" t="s">
        <v>97</v>
      </c>
      <c r="B50" s="17"/>
      <c r="C50" s="13">
        <v>2112</v>
      </c>
      <c r="D50" s="19">
        <v>1102</v>
      </c>
      <c r="E50" s="19">
        <v>1010</v>
      </c>
      <c r="F50" s="19"/>
      <c r="G50" s="18" t="s">
        <v>98</v>
      </c>
      <c r="H50" s="17"/>
      <c r="I50" s="13">
        <v>975</v>
      </c>
      <c r="J50" s="19">
        <v>367</v>
      </c>
      <c r="K50" s="19">
        <v>608</v>
      </c>
    </row>
    <row r="51" spans="1:11" ht="15" customHeight="1">
      <c r="A51" s="17" t="s">
        <v>99</v>
      </c>
      <c r="B51" s="17"/>
      <c r="C51" s="13">
        <v>2012</v>
      </c>
      <c r="D51" s="19">
        <v>1011</v>
      </c>
      <c r="E51" s="19">
        <v>1001</v>
      </c>
      <c r="F51" s="19"/>
      <c r="G51" s="18" t="s">
        <v>100</v>
      </c>
      <c r="H51" s="17"/>
      <c r="I51" s="13">
        <v>832</v>
      </c>
      <c r="J51" s="19">
        <v>266</v>
      </c>
      <c r="K51" s="19">
        <v>566</v>
      </c>
    </row>
    <row r="52" spans="1:11" ht="15" customHeight="1">
      <c r="A52" s="17" t="s">
        <v>101</v>
      </c>
      <c r="B52" s="17"/>
      <c r="C52" s="13">
        <v>2129</v>
      </c>
      <c r="D52" s="19">
        <v>1102</v>
      </c>
      <c r="E52" s="19">
        <v>1027</v>
      </c>
      <c r="F52" s="19"/>
      <c r="G52" s="18" t="s">
        <v>102</v>
      </c>
      <c r="H52" s="17"/>
      <c r="I52" s="13">
        <v>647</v>
      </c>
      <c r="J52" s="19">
        <v>212</v>
      </c>
      <c r="K52" s="19">
        <v>435</v>
      </c>
    </row>
    <row r="53" spans="1:11" ht="20.100000000000001" customHeight="1">
      <c r="A53" s="17" t="s">
        <v>103</v>
      </c>
      <c r="B53" s="17"/>
      <c r="C53" s="13">
        <v>11474</v>
      </c>
      <c r="D53" s="14">
        <v>5814</v>
      </c>
      <c r="E53" s="14">
        <v>5660</v>
      </c>
      <c r="F53" s="14"/>
      <c r="G53" s="18" t="s">
        <v>104</v>
      </c>
      <c r="H53" s="17"/>
      <c r="I53" s="13">
        <v>1999</v>
      </c>
      <c r="J53" s="14">
        <v>580</v>
      </c>
      <c r="K53" s="14">
        <v>1419</v>
      </c>
    </row>
    <row r="54" spans="1:11" ht="15" customHeight="1">
      <c r="A54" s="17" t="s">
        <v>105</v>
      </c>
      <c r="B54" s="17"/>
      <c r="C54" s="13">
        <v>2064</v>
      </c>
      <c r="D54" s="19">
        <v>1054</v>
      </c>
      <c r="E54" s="19">
        <v>1010</v>
      </c>
      <c r="F54" s="19"/>
      <c r="G54" s="18" t="s">
        <v>106</v>
      </c>
      <c r="H54" s="17"/>
      <c r="I54" s="13">
        <v>588</v>
      </c>
      <c r="J54" s="19">
        <v>181</v>
      </c>
      <c r="K54" s="19">
        <v>407</v>
      </c>
    </row>
    <row r="55" spans="1:11" ht="15" customHeight="1">
      <c r="A55" s="17" t="s">
        <v>107</v>
      </c>
      <c r="B55" s="17"/>
      <c r="C55" s="13">
        <v>2178</v>
      </c>
      <c r="D55" s="19">
        <v>1087</v>
      </c>
      <c r="E55" s="19">
        <v>1091</v>
      </c>
      <c r="F55" s="19"/>
      <c r="G55" s="18" t="s">
        <v>108</v>
      </c>
      <c r="H55" s="17"/>
      <c r="I55" s="13">
        <v>475</v>
      </c>
      <c r="J55" s="19">
        <v>152</v>
      </c>
      <c r="K55" s="19">
        <v>323</v>
      </c>
    </row>
    <row r="56" spans="1:11" ht="15" customHeight="1">
      <c r="A56" s="17" t="s">
        <v>109</v>
      </c>
      <c r="B56" s="17"/>
      <c r="C56" s="13">
        <v>2325</v>
      </c>
      <c r="D56" s="19">
        <v>1189</v>
      </c>
      <c r="E56" s="19">
        <v>1136</v>
      </c>
      <c r="F56" s="19"/>
      <c r="G56" s="18" t="s">
        <v>110</v>
      </c>
      <c r="H56" s="17"/>
      <c r="I56" s="13">
        <v>391</v>
      </c>
      <c r="J56" s="19">
        <v>116</v>
      </c>
      <c r="K56" s="19">
        <v>275</v>
      </c>
    </row>
    <row r="57" spans="1:11" ht="15" customHeight="1">
      <c r="A57" s="17" t="s">
        <v>111</v>
      </c>
      <c r="B57" s="17"/>
      <c r="C57" s="13">
        <v>2400</v>
      </c>
      <c r="D57" s="19">
        <v>1211</v>
      </c>
      <c r="E57" s="19">
        <v>1189</v>
      </c>
      <c r="F57" s="19"/>
      <c r="G57" s="18" t="s">
        <v>112</v>
      </c>
      <c r="H57" s="17"/>
      <c r="I57" s="13">
        <v>292</v>
      </c>
      <c r="J57" s="19">
        <v>86</v>
      </c>
      <c r="K57" s="19">
        <v>206</v>
      </c>
    </row>
    <row r="58" spans="1:11" ht="15" customHeight="1">
      <c r="A58" s="17" t="s">
        <v>113</v>
      </c>
      <c r="B58" s="17"/>
      <c r="C58" s="13">
        <v>2507</v>
      </c>
      <c r="D58" s="19">
        <v>1273</v>
      </c>
      <c r="E58" s="19">
        <v>1234</v>
      </c>
      <c r="F58" s="19"/>
      <c r="G58" s="18" t="s">
        <v>114</v>
      </c>
      <c r="H58" s="17"/>
      <c r="I58" s="13">
        <v>253</v>
      </c>
      <c r="J58" s="19">
        <v>45</v>
      </c>
      <c r="K58" s="19">
        <v>208</v>
      </c>
    </row>
    <row r="59" spans="1:11" ht="20.100000000000001" customHeight="1">
      <c r="A59" s="17" t="s">
        <v>115</v>
      </c>
      <c r="B59" s="17"/>
      <c r="C59" s="13">
        <v>13784</v>
      </c>
      <c r="D59" s="14">
        <v>7116</v>
      </c>
      <c r="E59" s="14">
        <v>6668</v>
      </c>
      <c r="F59" s="14"/>
      <c r="G59" s="18" t="s">
        <v>116</v>
      </c>
      <c r="H59" s="17"/>
      <c r="I59" s="13">
        <v>456</v>
      </c>
      <c r="J59" s="14">
        <v>104</v>
      </c>
      <c r="K59" s="14">
        <v>352</v>
      </c>
    </row>
    <row r="60" spans="1:11" ht="15" customHeight="1">
      <c r="A60" s="17" t="s">
        <v>117</v>
      </c>
      <c r="B60" s="17"/>
      <c r="C60" s="13">
        <v>2697</v>
      </c>
      <c r="D60" s="19">
        <v>1387</v>
      </c>
      <c r="E60" s="19">
        <v>1310</v>
      </c>
      <c r="F60" s="19"/>
      <c r="G60" s="18" t="s">
        <v>118</v>
      </c>
      <c r="H60" s="17"/>
      <c r="I60" s="13">
        <v>149</v>
      </c>
      <c r="J60" s="19">
        <v>46</v>
      </c>
      <c r="K60" s="19">
        <v>103</v>
      </c>
    </row>
    <row r="61" spans="1:11" ht="15" customHeight="1">
      <c r="A61" s="17" t="s">
        <v>119</v>
      </c>
      <c r="B61" s="17"/>
      <c r="C61" s="13">
        <v>2794</v>
      </c>
      <c r="D61" s="19">
        <v>1431</v>
      </c>
      <c r="E61" s="19">
        <v>1363</v>
      </c>
      <c r="F61" s="19"/>
      <c r="G61" s="18" t="s">
        <v>120</v>
      </c>
      <c r="H61" s="17"/>
      <c r="I61" s="13">
        <v>122</v>
      </c>
      <c r="J61" s="19">
        <v>25</v>
      </c>
      <c r="K61" s="19">
        <v>97</v>
      </c>
    </row>
    <row r="62" spans="1:11" ht="15" customHeight="1">
      <c r="A62" s="17" t="s">
        <v>121</v>
      </c>
      <c r="B62" s="17"/>
      <c r="C62" s="13">
        <v>2829</v>
      </c>
      <c r="D62" s="19">
        <v>1425</v>
      </c>
      <c r="E62" s="19">
        <v>1404</v>
      </c>
      <c r="F62" s="19"/>
      <c r="G62" s="18" t="s">
        <v>122</v>
      </c>
      <c r="H62" s="17"/>
      <c r="I62" s="13">
        <v>89</v>
      </c>
      <c r="J62" s="19">
        <v>19</v>
      </c>
      <c r="K62" s="19">
        <v>70</v>
      </c>
    </row>
    <row r="63" spans="1:11" ht="15" customHeight="1">
      <c r="A63" s="17" t="s">
        <v>123</v>
      </c>
      <c r="B63" s="17"/>
      <c r="C63" s="13">
        <v>2765</v>
      </c>
      <c r="D63" s="19">
        <v>1423</v>
      </c>
      <c r="E63" s="19">
        <v>1342</v>
      </c>
      <c r="F63" s="19"/>
      <c r="G63" s="18" t="s">
        <v>124</v>
      </c>
      <c r="H63" s="17"/>
      <c r="I63" s="13">
        <v>58</v>
      </c>
      <c r="J63" s="19">
        <v>6</v>
      </c>
      <c r="K63" s="19">
        <v>52</v>
      </c>
    </row>
    <row r="64" spans="1:11" ht="15" customHeight="1">
      <c r="A64" s="17" t="s">
        <v>125</v>
      </c>
      <c r="B64" s="17"/>
      <c r="C64" s="13">
        <v>2699</v>
      </c>
      <c r="D64" s="19">
        <v>1450</v>
      </c>
      <c r="E64" s="19">
        <v>1249</v>
      </c>
      <c r="F64" s="19"/>
      <c r="G64" s="18" t="s">
        <v>126</v>
      </c>
      <c r="H64" s="17"/>
      <c r="I64" s="13">
        <v>38</v>
      </c>
      <c r="J64" s="19">
        <v>8</v>
      </c>
      <c r="K64" s="19">
        <v>3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4</v>
      </c>
      <c r="J65" s="19">
        <v>10</v>
      </c>
      <c r="K65" s="19">
        <v>6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77</v>
      </c>
      <c r="J66" s="29">
        <v>666</v>
      </c>
      <c r="K66" s="29">
        <v>311</v>
      </c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9" pageOrder="overThenDown" orientation="portrait" blackAndWhite="1" useFirstPageNumber="1" horizontalDpi="300" verticalDpi="300"/>
  <headerFooter scaleWithDoc="0" alignWithMargins="0">
    <oddFooter>&amp;C&amp;"+,太字"-&amp;P-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(相)</vt:lpstr>
      <vt:lpstr>中央区</vt:lpstr>
      <vt:lpstr>南区(相)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(相)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(相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7-20T04:20:46Z</dcterms:created>
  <dcterms:modified xsi:type="dcterms:W3CDTF">2023-06-07T07:53:52Z</dcterms:modified>
</cp:coreProperties>
</file>